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3007\経理調達グループ\Ⅶ随契物品購入の公表\H31-R1\第2四半期\"/>
    </mc:Choice>
  </mc:AlternateContent>
  <bookViews>
    <workbookView xWindow="0" yWindow="0" windowWidth="20490" windowHeight="7935"/>
  </bookViews>
  <sheets>
    <sheet name="１四" sheetId="5" r:id="rId1"/>
  </sheets>
  <definedNames>
    <definedName name="_xlnm._FilterDatabase" localSheetId="0" hidden="1">'１四'!$A$2:$K$29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834" uniqueCount="468">
  <si>
    <t>水道</t>
    <rPh sb="0" eb="2">
      <t>スイドウ</t>
    </rPh>
    <phoneticPr fontId="2"/>
  </si>
  <si>
    <t>共同</t>
    <rPh sb="0" eb="2">
      <t>キョウドウ</t>
    </rPh>
    <phoneticPr fontId="2"/>
  </si>
  <si>
    <t>電気</t>
    <rPh sb="0" eb="2">
      <t>デンキ</t>
    </rPh>
    <phoneticPr fontId="2"/>
  </si>
  <si>
    <t>会計名は略称で記載されていますが正式な会計名は下記のとおりです。</t>
    <rPh sb="0" eb="2">
      <t>カイケイ</t>
    </rPh>
    <rPh sb="2" eb="3">
      <t>メイ</t>
    </rPh>
    <rPh sb="4" eb="6">
      <t>リャクショウ</t>
    </rPh>
    <rPh sb="7" eb="9">
      <t>キサイ</t>
    </rPh>
    <rPh sb="16" eb="18">
      <t>セイシキ</t>
    </rPh>
    <rPh sb="19" eb="21">
      <t>カイケイ</t>
    </rPh>
    <rPh sb="21" eb="22">
      <t>メイ</t>
    </rPh>
    <rPh sb="23" eb="25">
      <t>カキ</t>
    </rPh>
    <phoneticPr fontId="2"/>
  </si>
  <si>
    <t>水道事業会計</t>
    <rPh sb="0" eb="2">
      <t>スイドウ</t>
    </rPh>
    <rPh sb="2" eb="4">
      <t>ジギョウ</t>
    </rPh>
    <rPh sb="4" eb="6">
      <t>カイケイ</t>
    </rPh>
    <phoneticPr fontId="2"/>
  </si>
  <si>
    <t>電気事業会計</t>
    <rPh sb="0" eb="2">
      <t>デンキ</t>
    </rPh>
    <rPh sb="2" eb="4">
      <t>ジギョウ</t>
    </rPh>
    <rPh sb="4" eb="6">
      <t>カイケイ</t>
    </rPh>
    <phoneticPr fontId="2"/>
  </si>
  <si>
    <t>資金</t>
    <rPh sb="0" eb="2">
      <t>シキン</t>
    </rPh>
    <phoneticPr fontId="2"/>
  </si>
  <si>
    <t>公営企業資金等運用事業会計</t>
    <rPh sb="0" eb="2">
      <t>コウエイ</t>
    </rPh>
    <rPh sb="2" eb="4">
      <t>キギョウ</t>
    </rPh>
    <rPh sb="4" eb="6">
      <t>シキン</t>
    </rPh>
    <rPh sb="6" eb="7">
      <t>トウ</t>
    </rPh>
    <rPh sb="7" eb="9">
      <t>ウンヨウ</t>
    </rPh>
    <rPh sb="9" eb="11">
      <t>ジギョウ</t>
    </rPh>
    <rPh sb="11" eb="13">
      <t>カイケイ</t>
    </rPh>
    <phoneticPr fontId="2"/>
  </si>
  <si>
    <t>相模川総合開発共同事業会計</t>
    <rPh sb="0" eb="2">
      <t>サガミ</t>
    </rPh>
    <rPh sb="2" eb="3">
      <t>ガワ</t>
    </rPh>
    <rPh sb="3" eb="5">
      <t>ソウゴウ</t>
    </rPh>
    <rPh sb="5" eb="7">
      <t>カイハツ</t>
    </rPh>
    <rPh sb="7" eb="9">
      <t>キョウドウ</t>
    </rPh>
    <rPh sb="9" eb="11">
      <t>ジギョウ</t>
    </rPh>
    <rPh sb="11" eb="13">
      <t>カイケイ</t>
    </rPh>
    <phoneticPr fontId="2"/>
  </si>
  <si>
    <t>酒匂</t>
    <rPh sb="0" eb="2">
      <t>サカワ</t>
    </rPh>
    <phoneticPr fontId="2"/>
  </si>
  <si>
    <t>酒匂川総合開発事業会計</t>
    <rPh sb="0" eb="2">
      <t>サカワ</t>
    </rPh>
    <rPh sb="2" eb="3">
      <t>ガワ</t>
    </rPh>
    <rPh sb="3" eb="5">
      <t>ソウゴウ</t>
    </rPh>
    <rPh sb="5" eb="7">
      <t>カイハツ</t>
    </rPh>
    <rPh sb="7" eb="9">
      <t>ジギョウ</t>
    </rPh>
    <rPh sb="9" eb="11">
      <t>カイケイ</t>
    </rPh>
    <phoneticPr fontId="2"/>
  </si>
  <si>
    <t>（様式１）</t>
    <phoneticPr fontId="2"/>
  </si>
  <si>
    <t>会計課</t>
    <phoneticPr fontId="2"/>
  </si>
  <si>
    <t>年度</t>
    <phoneticPr fontId="2"/>
  </si>
  <si>
    <t>局名</t>
    <phoneticPr fontId="2"/>
  </si>
  <si>
    <t>会計名</t>
    <phoneticPr fontId="2"/>
  </si>
  <si>
    <t>所属名</t>
    <phoneticPr fontId="2"/>
  </si>
  <si>
    <t>執行番号</t>
    <phoneticPr fontId="2"/>
  </si>
  <si>
    <t>件名</t>
    <phoneticPr fontId="2"/>
  </si>
  <si>
    <t>契約金額</t>
    <phoneticPr fontId="2"/>
  </si>
  <si>
    <t>契約相手方</t>
    <phoneticPr fontId="2"/>
  </si>
  <si>
    <t>法人番号</t>
    <phoneticPr fontId="2"/>
  </si>
  <si>
    <t>決裁日</t>
    <phoneticPr fontId="2"/>
  </si>
  <si>
    <t>令和元年度</t>
  </si>
  <si>
    <t>企業局</t>
  </si>
  <si>
    <t>資金</t>
  </si>
  <si>
    <t>平塚水道営業所</t>
  </si>
  <si>
    <t xml:space="preserve">文具類購入代　２穴パンチ　カール事務機　ＳＤ－Ｗ５０－Ｂ　ほか                                                  </t>
  </si>
  <si>
    <t>（有）越地書店</t>
  </si>
  <si>
    <t>電気</t>
  </si>
  <si>
    <t xml:space="preserve">文具類購入代　インクカートリッジ　マゼンタ　ＨＰ　Ｃ９３７２Ａ　ほか                                            </t>
  </si>
  <si>
    <t xml:space="preserve">文具類購入代　トナーカートリッジ　Ｃａｎｏｎ　５３３Ｈ　ほか                                                    </t>
  </si>
  <si>
    <t>ケイティケイ（株）横浜営業所</t>
  </si>
  <si>
    <t xml:space="preserve">文具類購入代　トナーカートリッジ　Ｃａｎｏｎ５３３Ｈ　ほか                                                      </t>
  </si>
  <si>
    <t>株式会社セラビ</t>
  </si>
  <si>
    <t>共同</t>
  </si>
  <si>
    <t>津久井水道営業所</t>
  </si>
  <si>
    <t xml:space="preserve">文具等の購入                                                                                                      </t>
  </si>
  <si>
    <t>福文堂</t>
  </si>
  <si>
    <t xml:space="preserve">             </t>
  </si>
  <si>
    <t>藤沢水道営業所</t>
  </si>
  <si>
    <t xml:space="preserve">文具類購入代                                                                                                      </t>
  </si>
  <si>
    <t>（株）田中紙店</t>
  </si>
  <si>
    <t>水道</t>
  </si>
  <si>
    <t>相模原南水道営業所</t>
  </si>
  <si>
    <t>株式会社　洋文堂</t>
  </si>
  <si>
    <t xml:space="preserve">文具類購入代　ＦＡＸ用トナーの購入                                                                                </t>
  </si>
  <si>
    <t>コニカミノルタジャパン（株）</t>
  </si>
  <si>
    <t xml:space="preserve">文具類購入代　カラートナーの購入                                                                                  </t>
  </si>
  <si>
    <t xml:space="preserve">文具類購入代　キーボード他の購入                                                                                  </t>
  </si>
  <si>
    <t>日欧事務機（株）</t>
  </si>
  <si>
    <t xml:space="preserve">文具類購入代　コピー用紙（Ａ４、Ａ３）                                                                            </t>
  </si>
  <si>
    <t xml:space="preserve">文具類購入代　ゴム印の購入                                                                                        </t>
  </si>
  <si>
    <t>スワ印房</t>
  </si>
  <si>
    <t xml:space="preserve">文具類購入代　金庫他の購入                                                                                        </t>
  </si>
  <si>
    <t>寒川浄水場</t>
  </si>
  <si>
    <t xml:space="preserve">文具類購入代　水道水質センター　ＵＳＢメモリーほか９点の購入                                                      </t>
  </si>
  <si>
    <t>（有）扇矢</t>
  </si>
  <si>
    <t>海老名水道営業所</t>
  </si>
  <si>
    <t xml:space="preserve">文具類購入代（トナーカートリッジの購入）                                                                          </t>
  </si>
  <si>
    <t>エビナ文具</t>
  </si>
  <si>
    <t xml:space="preserve">文具類購入代（封筒の購入）                                                                                        </t>
  </si>
  <si>
    <t>オガワ</t>
  </si>
  <si>
    <t xml:space="preserve">消耗器材購入費　アルカリ乾電池　単１　ほか                                                                      </t>
  </si>
  <si>
    <t>タイガー工業株式会社</t>
  </si>
  <si>
    <t xml:space="preserve">消耗器材購入費　こより紐　ＪＴＸ　Ｂ１８０Ｊ　ほか                                                              </t>
  </si>
  <si>
    <t>株式会社ヒラノ</t>
  </si>
  <si>
    <t xml:space="preserve">消耗器材購入費　バケツ　スチール製１１Ｌ　田中工業　ＭＢ－１３　ほか                                            </t>
  </si>
  <si>
    <t xml:space="preserve">消耗器材購入費　プロッタ用紙　ＪＴＸ　Ｋ０３５Ｊ－３　ほか                                                      </t>
  </si>
  <si>
    <t xml:space="preserve">消耗器材購入費　ホワイトボード　馬印　ＸＨＣ１７Ｔ　ほか                                                        </t>
  </si>
  <si>
    <t xml:space="preserve">消耗器材購入費　メンディングテープ　ＪＴＸ　Ｂ３２Ｊ－１０　ほか                                                </t>
  </si>
  <si>
    <t xml:space="preserve">消耗器材購入費　ロープ　ユタカメイク　ＰＳ５－３００　ほか                                                      </t>
  </si>
  <si>
    <t xml:space="preserve">消耗器材購入費　厚型ファイル　キングジム　１４７５ＧＸ青（１０）　ほか                                          </t>
  </si>
  <si>
    <t xml:space="preserve">消耗器材購入費　収納ボックス　アイリスオーヤマ　Ｓ－ＳＦＲ１８９０－ＯＷ                                        </t>
  </si>
  <si>
    <t xml:space="preserve">消耗器材購入費　発電機　ホンダ　ＥＢ－２６                                                                      </t>
  </si>
  <si>
    <t>高砂産業（株）</t>
  </si>
  <si>
    <t>大和水道営業所</t>
  </si>
  <si>
    <t xml:space="preserve">消耗器材購入費                                                                                                    </t>
  </si>
  <si>
    <t>（有）ウエキ文具センター</t>
  </si>
  <si>
    <t>相模川発電管理事務所</t>
  </si>
  <si>
    <t xml:space="preserve">消耗器材購入費　ＦＡＸ用トナーカートリッジの購入                                                                  </t>
  </si>
  <si>
    <t>富士ゼロックス（株）</t>
  </si>
  <si>
    <t xml:space="preserve">消耗器材購入費　ＨＳＰカプラほかの購入                                                                            </t>
  </si>
  <si>
    <t>小川水道土木(株)</t>
  </si>
  <si>
    <t xml:space="preserve">消耗器材購入費　ＬＥＤビーム電球の購入                                                                            </t>
  </si>
  <si>
    <t>（有）本田電気商会</t>
  </si>
  <si>
    <t xml:space="preserve">消耗器材購入費　アーロンテープの購入                                                                              </t>
  </si>
  <si>
    <t>（有）長竹建材店</t>
  </si>
  <si>
    <t>酒匂川水系ダム管理事務所</t>
  </si>
  <si>
    <t xml:space="preserve">消耗器材購入費　アルミ製足場板の購入                                                                              </t>
  </si>
  <si>
    <t>(有)星野金物店</t>
  </si>
  <si>
    <t xml:space="preserve">消耗器材購入費　インターホンなどの購入                                                                            </t>
  </si>
  <si>
    <t>(株)和田電機</t>
  </si>
  <si>
    <t xml:space="preserve">消耗器材購入費　ウエスの購入                                                                                      </t>
  </si>
  <si>
    <t>（株）根岸商店</t>
  </si>
  <si>
    <t xml:space="preserve">消耗器材購入費　エフコテープほかの購入                                                                            </t>
  </si>
  <si>
    <t>（有）西村電気</t>
  </si>
  <si>
    <t xml:space="preserve">消耗器材購入費　オイルジョッキほかの購入                                                                          </t>
  </si>
  <si>
    <t>モミジヤ金物店</t>
  </si>
  <si>
    <t xml:space="preserve">消耗器材購入費　カードハイテスタほかの購入                                                                        </t>
  </si>
  <si>
    <t>有限会社　アベコー</t>
  </si>
  <si>
    <t xml:space="preserve">消耗器材購入費　クリヤーホルダーの購入                                                                            </t>
  </si>
  <si>
    <t>（有）橋南堂</t>
  </si>
  <si>
    <t xml:space="preserve">消耗器材購入費　クロススクリーン他の購入                                                                          </t>
  </si>
  <si>
    <t>厚木水道営業所</t>
  </si>
  <si>
    <t xml:space="preserve">消耗器材購入費　コピー用紙（再生紙）の購入                                                                        </t>
  </si>
  <si>
    <t>（株）カントー　厚木支店</t>
  </si>
  <si>
    <t xml:space="preserve">消耗器材購入費　コピー用紙の購入                                                                                  </t>
  </si>
  <si>
    <t>(株）文盛堂</t>
  </si>
  <si>
    <t>（株）洋文堂</t>
  </si>
  <si>
    <t xml:space="preserve">消耗器材購入費　コピー用紙購入代                                                                                  </t>
  </si>
  <si>
    <t xml:space="preserve">消耗器材購入費　サーキュレーター等の購入                                                                          </t>
  </si>
  <si>
    <t>(株)稲妻屋</t>
  </si>
  <si>
    <t xml:space="preserve">消耗器材購入費　シーケンサ用メモリバックアップバッテリーの購入                                                    </t>
  </si>
  <si>
    <t>（株）明電エンジニアリング　神奈川支店</t>
  </si>
  <si>
    <t xml:space="preserve">消耗器材購入費　シャープペンほかの購入（ワクワク体験用品）                                                        </t>
  </si>
  <si>
    <t xml:space="preserve">消耗器材購入費　ディーゼル発電機用回転計ほかの購入                                                                </t>
  </si>
  <si>
    <t xml:space="preserve">消耗器材購入費　トイレットペーパーの購入（優先調達）                                                              </t>
  </si>
  <si>
    <t>ニッパ（株）</t>
  </si>
  <si>
    <t xml:space="preserve">消耗器材購入費　トナーカートリッジ（純正品）購入                                                                  </t>
  </si>
  <si>
    <t>株式会社　セラビ</t>
  </si>
  <si>
    <t xml:space="preserve">消耗器材購入費　トナーカートリッジＬＢＰ３Ｔ２７（再生品）の購入                                                  </t>
  </si>
  <si>
    <t xml:space="preserve">消耗器材購入費　パイプ式ファイルほかの購入                                                                        </t>
  </si>
  <si>
    <t>（株）欧文社</t>
  </si>
  <si>
    <t xml:space="preserve">消耗器材購入費　ビニール針金の購入                                                                                </t>
  </si>
  <si>
    <t>(有)市川商店</t>
  </si>
  <si>
    <t xml:space="preserve">消耗器材購入費　ボートフック購入                                                                                  </t>
  </si>
  <si>
    <t>（有）片倉ボートマリーナ</t>
  </si>
  <si>
    <t xml:space="preserve">消耗器材購入費　マホータイの購入                                                                                  </t>
  </si>
  <si>
    <t xml:space="preserve">消耗器材購入費　メクリッコ他購入代                                                                                </t>
  </si>
  <si>
    <t xml:space="preserve">消耗器材購入費　ロール紙（ＦＬ－Ｎ）の購入                                                                        </t>
  </si>
  <si>
    <t>（株）沢井</t>
  </si>
  <si>
    <t xml:space="preserve">消耗器材購入費　ワイヤレスカメラ＆モニター他購入代                                                                </t>
  </si>
  <si>
    <t>コーナン商事（株）ホームセンターコーナン　中央林間</t>
  </si>
  <si>
    <t xml:space="preserve">消耗器材購入費　ワッシャー（ステンレス）の購入                                                                    </t>
  </si>
  <si>
    <t>ビーバートザン　ビーバートザン富水店</t>
  </si>
  <si>
    <t xml:space="preserve">消耗器材購入費　安全長靴ほかの購入                                                                                </t>
  </si>
  <si>
    <t>ワークマン　相模原田名店</t>
  </si>
  <si>
    <t xml:space="preserve">消耗器材購入費　安全帽の購入                                                                                      </t>
  </si>
  <si>
    <t>（株）関東小池</t>
  </si>
  <si>
    <t xml:space="preserve">消耗器材購入費　印章類（文章ゴム印ほか）                                                                          </t>
  </si>
  <si>
    <t>ワコー印章店</t>
  </si>
  <si>
    <t xml:space="preserve">消耗器材購入費　回収トナーボックスほかの購入                                                                      </t>
  </si>
  <si>
    <t xml:space="preserve">消耗器材購入費　強力マグネットフックほかの購入                                                                    </t>
  </si>
  <si>
    <t>（株）ジムオール</t>
  </si>
  <si>
    <t>財務部会計課</t>
  </si>
  <si>
    <t>富士ゼロックス神奈川(株)</t>
  </si>
  <si>
    <t xml:space="preserve">消耗器材購入費　検電器チェッカーの購入                                                                            </t>
  </si>
  <si>
    <t>サガミ計測株式会社</t>
  </si>
  <si>
    <t>（株）マルハチ</t>
  </si>
  <si>
    <t xml:space="preserve">消耗器材購入費　三脚収納工場扇風機の購入                                                                          </t>
  </si>
  <si>
    <t>(株)菊一商店</t>
  </si>
  <si>
    <t xml:space="preserve">消耗器材購入費　子供用軍手ほかの購入                                                                              </t>
  </si>
  <si>
    <t xml:space="preserve">消耗器材購入費　試薬の購入                                                                                        </t>
  </si>
  <si>
    <t>尾崎理化（株）</t>
  </si>
  <si>
    <t xml:space="preserve">消耗器材購入費　自転車の購入                                                                                      </t>
  </si>
  <si>
    <t>自転車生活応援隊</t>
  </si>
  <si>
    <t xml:space="preserve">消耗器材購入費　受話音量増幅器ほかの購入                                                                          </t>
  </si>
  <si>
    <t>（株）ミリオン事務機器</t>
  </si>
  <si>
    <t xml:space="preserve">消耗器材購入費　修正テープほかの購入                                                                              </t>
  </si>
  <si>
    <t xml:space="preserve">消耗器材購入費　純正品トナーカートリッジ５３３Ｈの購入                                                            </t>
  </si>
  <si>
    <t xml:space="preserve">消耗器材購入費　純正品トナーカートリッジ５３３Ｈ及び再生品トナーカートリッジ５３３Ｈの購入                        </t>
  </si>
  <si>
    <t xml:space="preserve">消耗器材購入費　昇柱用はしご兼用脚立ほかの購入                                                                    </t>
  </si>
  <si>
    <t>（有）光屋金物店</t>
  </si>
  <si>
    <t xml:space="preserve">消耗器材購入費　設置型ＨＤＤ他購入代                                                                              </t>
  </si>
  <si>
    <t xml:space="preserve">消耗器材購入費　草刈り機替刃のチップソーの購入                                                                    </t>
  </si>
  <si>
    <t>(有)加藤機械</t>
  </si>
  <si>
    <t xml:space="preserve">消耗器材購入費　草刈用保護具　チャップスの購入                                                                    </t>
  </si>
  <si>
    <t xml:space="preserve">消耗器材購入費　増設用ワイヤレスカメラ他購入代                                                                    </t>
  </si>
  <si>
    <t xml:space="preserve">消耗器材購入費　測温抵抗体ほかの購入                                                                              </t>
  </si>
  <si>
    <t xml:space="preserve">消耗器材購入費　耐燃性ポリエチレン絶縁電線ほかの購入                                                              </t>
  </si>
  <si>
    <t xml:space="preserve">消耗器材購入費　電動消しゴムほかの購入                                                                            </t>
  </si>
  <si>
    <t xml:space="preserve">消耗器材購入費　道路線引き用スプレー等の購入                                                                      </t>
  </si>
  <si>
    <t xml:space="preserve">消耗器材購入費　布入りクロロプレンゴムシートの購入                                                                </t>
  </si>
  <si>
    <t>（株）力金物店</t>
  </si>
  <si>
    <t xml:space="preserve">消耗器材購入費　無停電電源装置交換用バッテリの購入                                                                </t>
  </si>
  <si>
    <t>横浜日電工業(株)</t>
  </si>
  <si>
    <t xml:space="preserve">消耗器材購入費　六角ボルト等の購入                                                                                </t>
  </si>
  <si>
    <t xml:space="preserve">消耗器材購入費（コピー用紙購入）                                                                                  </t>
  </si>
  <si>
    <t>獅子王（株）</t>
  </si>
  <si>
    <t xml:space="preserve">事務用品費　ゴム印　２号２５ｍｍ　「大磯」ほか                                                                  </t>
  </si>
  <si>
    <t>幸玉堂</t>
  </si>
  <si>
    <t xml:space="preserve">事務用品費　ゴム印　５号２０ｍｍ　「￥１３２，０００※」                                                        </t>
  </si>
  <si>
    <t xml:space="preserve">事務用品費　データネーム　シャチハタ　１５ｍｍ　既製品                                                          </t>
  </si>
  <si>
    <t xml:space="preserve">事務用品費　回転日付印印面「支払　済」　シヤチハタデータネームＥＸ１５                                          </t>
  </si>
  <si>
    <t>鎌倉水道営業所</t>
  </si>
  <si>
    <t xml:space="preserve">事務用品費                                                                                                        </t>
  </si>
  <si>
    <t>（株）ねずらむ</t>
  </si>
  <si>
    <t xml:space="preserve">事務用品費　Ａ３カラープリンター等の購入                                                                          </t>
  </si>
  <si>
    <t>(株)小田原ジムキ</t>
  </si>
  <si>
    <t xml:space="preserve">事務用品費　ＣＤ－Ｒ等の購入                                                                                      </t>
  </si>
  <si>
    <t xml:space="preserve">事務用品費　インクカートリッジの購入                                                                              </t>
  </si>
  <si>
    <t xml:space="preserve">事務用品費　インクジェットカートリッジの購入                                                                      </t>
  </si>
  <si>
    <t>(有)伊勢万</t>
  </si>
  <si>
    <t xml:space="preserve">事務用品費　インクジェットカートリッジ等の購入                                                                    </t>
  </si>
  <si>
    <t xml:space="preserve">事務用品費　コピー用紙の購入                                                                                      </t>
  </si>
  <si>
    <t xml:space="preserve">事務用品費　ゴム印の作成                                                                                          </t>
  </si>
  <si>
    <t>若杉印房</t>
  </si>
  <si>
    <t xml:space="preserve">事務用品費　ゴム印購入代                                                                                          </t>
  </si>
  <si>
    <t>吉岡印房</t>
  </si>
  <si>
    <t xml:space="preserve">事務用品費　タフネルオイルブロッター等の購入                                                                      </t>
  </si>
  <si>
    <t xml:space="preserve">事務用品費　テプラテープ等の購入                                                                                  </t>
  </si>
  <si>
    <t>(株)エンドー</t>
  </si>
  <si>
    <t xml:space="preserve">事務用品費　トナーカートリッジの購入                                                                              </t>
  </si>
  <si>
    <t>(株)ワイソリューション</t>
  </si>
  <si>
    <t xml:space="preserve">事務用品費　トナー購入代                                                                                          </t>
  </si>
  <si>
    <t xml:space="preserve">事務用品費　ドラムカートリッジなどの購入                                                                          </t>
  </si>
  <si>
    <t>(株)武書店</t>
  </si>
  <si>
    <t xml:space="preserve">事務用品費　マルチツール等の購入                                                                                  </t>
  </si>
  <si>
    <t xml:space="preserve">事務用品費　みはりん坊プロ熱中症指数モニターの購入                                                                </t>
  </si>
  <si>
    <t xml:space="preserve">事務用品費　ラミネートフィルムＡ４等の購入                                                                        </t>
  </si>
  <si>
    <t xml:space="preserve">事務用品費　ロッカーの購入                                                                                        </t>
  </si>
  <si>
    <t xml:space="preserve">事務用品費　記録紙の購入                                                                                          </t>
  </si>
  <si>
    <t>小林クリエイト（株）横浜第一営業部</t>
  </si>
  <si>
    <t xml:space="preserve">事務用品費　蛍光ペンの補充インク等の購入                                                                          </t>
  </si>
  <si>
    <t xml:space="preserve">事務用品費　事務用品の購入                                                                                        </t>
  </si>
  <si>
    <t xml:space="preserve">事務用品費　大判インクジェットプリンタ用インクカートリッジの購入                                                  </t>
  </si>
  <si>
    <t xml:space="preserve">事務用品費　単三電池等の購入                                                                                      </t>
  </si>
  <si>
    <t xml:space="preserve">事務用品費　長靴の購入                                                                                            </t>
  </si>
  <si>
    <t xml:space="preserve">事務用品費　普通紙ロール等の購入                                                                                  </t>
  </si>
  <si>
    <t xml:space="preserve">事務用品費（インクカートリッジ　シアンほか５点の購入）                                                            </t>
  </si>
  <si>
    <t xml:space="preserve">事務用品費（インクカートリッジの購入）                                                                            </t>
  </si>
  <si>
    <t>ヤマダ電機  海老名営業所</t>
  </si>
  <si>
    <t>茅ケ崎水道営業所</t>
  </si>
  <si>
    <t xml:space="preserve">事務用品費（インクリボンカセット等）                                                                              </t>
  </si>
  <si>
    <t>（有）やなぎや</t>
  </si>
  <si>
    <t xml:space="preserve">事務用品費（ゴム印）                                                                                              </t>
  </si>
  <si>
    <t>（有）小野間印章店</t>
  </si>
  <si>
    <t xml:space="preserve">事務用品費（ゴム印ほか２点の購入）                                                                                </t>
  </si>
  <si>
    <t xml:space="preserve">事務用品費（チューブファイル等）                                                                                  </t>
  </si>
  <si>
    <t xml:space="preserve">事務用品費（トナーカートリッジほか２点の購入）                                                                    </t>
  </si>
  <si>
    <t xml:space="preserve">事務用品費（トナーカートリッジほか６点の購入）                                                                    </t>
  </si>
  <si>
    <t xml:space="preserve">事務用品費（プロッター用紙等）                                                                                    </t>
  </si>
  <si>
    <t xml:space="preserve">事務用品費（ポリバケツ等）                                                                                        </t>
  </si>
  <si>
    <t>コーナン商事（株）　平塚市役所前店</t>
  </si>
  <si>
    <t xml:space="preserve">事務用品費（環境推進トナーの購入）                                                                                </t>
  </si>
  <si>
    <t xml:space="preserve">事務用品費（長３封筒）                                                                                            </t>
  </si>
  <si>
    <t xml:space="preserve">事務用品費（封筒の購入）                                                                                          </t>
  </si>
  <si>
    <t>あしがら印刷</t>
  </si>
  <si>
    <t xml:space="preserve">事務用品費（文書保存箱の購入）                                                                                    </t>
  </si>
  <si>
    <t>大興紙工（株）</t>
  </si>
  <si>
    <t>相模原水道営業所</t>
  </si>
  <si>
    <t xml:space="preserve">ゴム印の購入⑤                                                                                                  </t>
  </si>
  <si>
    <t>（株）美晶堂</t>
  </si>
  <si>
    <t xml:space="preserve">その他消耗品費　印紙　２００円　７枚                                                                            </t>
  </si>
  <si>
    <t>一般財団法人神奈川県厚生福利振興会</t>
  </si>
  <si>
    <t xml:space="preserve">その他消耗品費　工場扇　アルミ羽根スタンド式　ＹＵＡＳＡ　ＹＡＳ－４５５Ｔ　ほか                                </t>
  </si>
  <si>
    <t xml:space="preserve">その他消耗品費　殺虫剤　アース製薬　マグナム　５５０ｍｌ                                                        </t>
  </si>
  <si>
    <t xml:space="preserve">その他消耗品費　殺虫剤　アース製薬　マグナム　５５０ｍｌ　ほか                                                  </t>
  </si>
  <si>
    <t xml:space="preserve">その他消耗品費　殺虫剤　スズメバチ用　アース製薬　マグナムジェット　５５０ｍｌ                                  </t>
  </si>
  <si>
    <t xml:space="preserve">その他消耗品費　手袋　コーナン　ＨＹ０４－３１９５　ほか                                                        </t>
  </si>
  <si>
    <t xml:space="preserve">その他消耗品費　遊離塩素試薬購入代　ＳｗｉｆＴｅｓｔ用２５０回分　ＨＡＣＣ０５７７　２１０－５５６０　７個     </t>
  </si>
  <si>
    <t>遠藤科学（株）平塚営業所</t>
  </si>
  <si>
    <t>谷ケ原浄水場</t>
  </si>
  <si>
    <t xml:space="preserve">蛍光灯の購入                                                                                                    </t>
  </si>
  <si>
    <t xml:space="preserve">水質消耗品　ハンドソープ他３点の購入                                                                            </t>
  </si>
  <si>
    <t xml:space="preserve">水質消耗品　マグネティックスクリューキャップの購入                                                              </t>
  </si>
  <si>
    <t xml:space="preserve">ＬＥＤ照明の購入                                                                                                  </t>
  </si>
  <si>
    <t xml:space="preserve">スイフテストディスペンサー等の購入                                                                                </t>
  </si>
  <si>
    <t xml:space="preserve">その他消耗品費                                                                                                    </t>
  </si>
  <si>
    <t>コーナン商事（株）　鎌倉大船店</t>
  </si>
  <si>
    <t xml:space="preserve">その他消耗品費　インクカートリッジ等の購入                                                                        </t>
  </si>
  <si>
    <t xml:space="preserve">その他消耗品費　ゴム印等の購入                                                                                    </t>
  </si>
  <si>
    <t xml:space="preserve">その他消耗品費　ゴム使い捨て手袋等の購入                                                                          </t>
  </si>
  <si>
    <t xml:space="preserve">その他消耗品費　スイフテストディスペンサ（遊離塩素試薬付）ほかの購入                                              </t>
  </si>
  <si>
    <t>遠藤科学（株）厚木営業所</t>
  </si>
  <si>
    <t xml:space="preserve">その他消耗品費　チオ硫酸ナトリウム五水和物の購入                                                                  </t>
  </si>
  <si>
    <t>湘南和光純薬（株）</t>
  </si>
  <si>
    <t xml:space="preserve">その他消耗品費　チャケットゼロワンの購入                                                                          </t>
  </si>
  <si>
    <t>前澤給装工業（株）横浜営業所</t>
  </si>
  <si>
    <t xml:space="preserve">その他消耗品費　トイレットペーパーの購入                                                                          </t>
  </si>
  <si>
    <t xml:space="preserve">その他消耗品費　トイレットペーパーの購入（優先調達）                                                              </t>
  </si>
  <si>
    <t xml:space="preserve">その他消耗品費　ハサミ．ピンセット等の購入                                                                        </t>
  </si>
  <si>
    <t>相日防災(株)</t>
  </si>
  <si>
    <t xml:space="preserve">その他消耗品費　ファクシミリ用トナーの購入                                                                        </t>
  </si>
  <si>
    <t xml:space="preserve">その他消耗品費　プラカップ等の購入                                                                                </t>
  </si>
  <si>
    <t xml:space="preserve">その他消耗品費　プリンタートナーの購入                                                                            </t>
  </si>
  <si>
    <t xml:space="preserve">その他消耗品費　プリンタートナー購入                                                                              </t>
  </si>
  <si>
    <t xml:space="preserve">その他消耗品費　マキロン等の購入                                                                                  </t>
  </si>
  <si>
    <t xml:space="preserve">その他消耗品費　ヤマビルファイターの購入                                                                          </t>
  </si>
  <si>
    <t>（株）足柄防災</t>
  </si>
  <si>
    <t xml:space="preserve">その他消耗品費　ロールフィルターの購入（城山発電所）                                                              </t>
  </si>
  <si>
    <t>進和テック（株）横浜支店</t>
  </si>
  <si>
    <t xml:space="preserve">その他消耗品費　伊勢原分館消防用設備関連消耗品                                                                    </t>
  </si>
  <si>
    <t>相日防災（株）</t>
  </si>
  <si>
    <t xml:space="preserve">その他消耗品費　雨カッパ他の購入　剰余金の減額                                                                    </t>
  </si>
  <si>
    <t xml:space="preserve">その他消耗品費　雨具等の購入　執行額の減                                                                          </t>
  </si>
  <si>
    <t>（株）ビーバートザン  ビーバープロ厚木店</t>
  </si>
  <si>
    <t>（有）二川屋商店</t>
  </si>
  <si>
    <t>（一財）日本建設情報総合センター</t>
  </si>
  <si>
    <t>独立行政法人  国立印刷局</t>
  </si>
  <si>
    <t xml:space="preserve">その他消耗品費　減菌医療ガーゼ等の購入                                                                            </t>
  </si>
  <si>
    <t xml:space="preserve">その他消耗品費　紙コップ類購入                                                                                    </t>
  </si>
  <si>
    <t>（株）トシダ</t>
  </si>
  <si>
    <t xml:space="preserve">その他消耗品費　自転車整備代                                                                                      </t>
  </si>
  <si>
    <t>サイクルショップ　サカイ</t>
  </si>
  <si>
    <t xml:space="preserve">その他消耗品費　消火器の購入４台                                                                                  </t>
  </si>
  <si>
    <t>藤沢総合設備（株）</t>
  </si>
  <si>
    <t>（株）山下商店</t>
  </si>
  <si>
    <t>富士株式会社</t>
  </si>
  <si>
    <t xml:space="preserve">その他消耗品費　水道水質センター　養生用テープほか４点の購入                                                      </t>
  </si>
  <si>
    <t xml:space="preserve">その他消耗品費　前渡金執行２０１９年９～１０月分                                                                  </t>
  </si>
  <si>
    <t>株式会社　トミヤ</t>
  </si>
  <si>
    <t>（株）ミナト事務器</t>
  </si>
  <si>
    <t>（有）ヤマキ文具店</t>
  </si>
  <si>
    <t>相模川水系ダム管理事務所</t>
  </si>
  <si>
    <t>特定非営利活動法人　夢屋</t>
  </si>
  <si>
    <t>（株）オフィスポート</t>
  </si>
  <si>
    <t xml:space="preserve">その他消耗品費（ＣＤ―Ｒ１０枚入ほか２点の購入）                                                                  </t>
  </si>
  <si>
    <t>（株）ヤマダ電機  平塚営業所</t>
  </si>
  <si>
    <t xml:space="preserve">その他消耗品費（ＬＥＤヘッドライト　イエローほか１２点の購入）                                                    </t>
  </si>
  <si>
    <t xml:space="preserve">その他消耗品費（ＬＥＤ投光器等）                                                                                  </t>
  </si>
  <si>
    <t>（株）アイリスプラザ  ユニディ湘南平塚店</t>
  </si>
  <si>
    <t xml:space="preserve">その他消耗品費（ＰＨ試験紙ロールタイプほか２点の購入）                                                            </t>
  </si>
  <si>
    <t>三友化学（株）</t>
  </si>
  <si>
    <t xml:space="preserve">その他消耗品費（アルミテープほか２点の購入）                                                                      </t>
  </si>
  <si>
    <t>株式会社　丸越</t>
  </si>
  <si>
    <t xml:space="preserve">その他消耗品費（インクジェット用普通紙６４ほか１１点の購入）                                                      </t>
  </si>
  <si>
    <t xml:space="preserve">その他消耗品費（クランプオンプロセスメータほか２点の購入）                                                        </t>
  </si>
  <si>
    <t>湘南テクノス（株）</t>
  </si>
  <si>
    <t xml:space="preserve">その他消耗品費（シャープペンシルほか１５点の購入）                                                                </t>
  </si>
  <si>
    <t xml:space="preserve">その他消耗品費（デジタルカメラほか２点の購入）                                                                    </t>
  </si>
  <si>
    <t>（株）コジマ　コジマ×ビックカメラ海老名店</t>
  </si>
  <si>
    <t xml:space="preserve">その他消耗品費（デジタルスケール等）                                                                              </t>
  </si>
  <si>
    <t xml:space="preserve">その他消耗品費（トイレットペーパー）（優先調達）                                                                  </t>
  </si>
  <si>
    <t xml:space="preserve">その他消耗品費（トイレットペーパーの購入）                                                                        </t>
  </si>
  <si>
    <t xml:space="preserve">その他消耗品費（トナーカートリッジ）                                                                              </t>
  </si>
  <si>
    <t>（株）ユニマットライフ厚木営業所</t>
  </si>
  <si>
    <t xml:space="preserve">その他消耗品費（ハチアブマグナムジェットほか２点の購入）                                                          </t>
  </si>
  <si>
    <t>十全堂株式会社</t>
  </si>
  <si>
    <t xml:space="preserve">その他消耗品費（レーザー墨出器の購入）                                                                            </t>
  </si>
  <si>
    <t xml:space="preserve">その他消耗品費（ロール紙ほか５点の購入）                                                                          </t>
  </si>
  <si>
    <t xml:space="preserve">その他消耗品費（雨傘の購入）                                                                                      </t>
  </si>
  <si>
    <t>有限会社こばり</t>
  </si>
  <si>
    <t xml:space="preserve">その他消耗品費（蛍光灯ほか１点の購入）                                                                            </t>
  </si>
  <si>
    <t xml:space="preserve">その他消耗品費（紙コップ）                                                                                        </t>
  </si>
  <si>
    <t>島忠ホームセンター茅ヶ崎店</t>
  </si>
  <si>
    <t xml:space="preserve">その他消耗品費（自記録水圧測定記録用紙）                                                                          </t>
  </si>
  <si>
    <t>フジテコム（株）東京支店</t>
  </si>
  <si>
    <t xml:space="preserve">その他消耗品費（充電式クリーナほか２点の購入）                                                                    </t>
  </si>
  <si>
    <t xml:space="preserve">その他消耗品費（水質計）                                                                                          </t>
  </si>
  <si>
    <t xml:space="preserve">その他消耗品費（水質計定期点検）                                                                                  </t>
  </si>
  <si>
    <t xml:space="preserve">その他消耗品費（電子レンジの購入）                                                                                </t>
  </si>
  <si>
    <t xml:space="preserve">その他消耗品費（文書保存箱）                                                                                      </t>
  </si>
  <si>
    <t>電気,共同</t>
  </si>
  <si>
    <t xml:space="preserve">その他消耗品費（綿シーツの購入）                                                                                  </t>
  </si>
  <si>
    <t>（株）島忠ホームセンター茅ヶ崎店</t>
  </si>
  <si>
    <t xml:space="preserve">その他消耗品費（養生テープほか２点の購入）                                                                        </t>
  </si>
  <si>
    <t xml:space="preserve">その他消耗品費（輪ゴムほか１１点の購入）                                                                          </t>
  </si>
  <si>
    <t>ミヤダイ中央社</t>
  </si>
  <si>
    <t xml:space="preserve">その他消耗品費（冷蔵庫の購入及び運搬費等）                                                                        </t>
  </si>
  <si>
    <t xml:space="preserve">その他消耗品費／消耗品費　第３四半期分                                                                            </t>
  </si>
  <si>
    <t>前渡金受領者  神奈川県企業庁相模原南水道営業所</t>
  </si>
  <si>
    <t xml:space="preserve">トナーカートリッジの購入                                                                                          </t>
  </si>
  <si>
    <t>リーズナブル（有）</t>
  </si>
  <si>
    <t xml:space="preserve">フタ付ハードコンテナ等の購入                                                                                      </t>
  </si>
  <si>
    <t>（株）カインズ</t>
  </si>
  <si>
    <t xml:space="preserve">殺虫スプレー等の購入                                                                                              </t>
  </si>
  <si>
    <t>ロイヤルホームセンター（株）相模原橋本店</t>
  </si>
  <si>
    <t xml:space="preserve">Ａ３コピー用紙等の購入                                                                                                  </t>
  </si>
  <si>
    <t xml:space="preserve">ＤＶＤプレーヤー等の購入                                                                                                </t>
  </si>
  <si>
    <t>菊屋浦上商事（株）</t>
  </si>
  <si>
    <t xml:space="preserve">ＩＣレコーダー等の購入                                                                                                  </t>
  </si>
  <si>
    <t xml:space="preserve">ＬＥＤ充電式投光器等の購入                                                                                              </t>
  </si>
  <si>
    <t xml:space="preserve">アイハロゲンランプの調達について                                                                                        </t>
  </si>
  <si>
    <t>（株）昌電社</t>
  </si>
  <si>
    <t xml:space="preserve">エバーコーンほかの調達について                                                                                          </t>
  </si>
  <si>
    <t>ミドリ安全（株）大和支店相模原営業所</t>
  </si>
  <si>
    <t xml:space="preserve">カードリーダーほかの調達について                                                                                        </t>
  </si>
  <si>
    <t xml:space="preserve">コピーペーパーの購入                                                                                                    </t>
  </si>
  <si>
    <t xml:space="preserve">コピー用紙の購入                                                                                                        </t>
  </si>
  <si>
    <t xml:space="preserve">ゴム印の購入　④                                                                                                        </t>
  </si>
  <si>
    <t xml:space="preserve">ゴム印の購入③                                                                                                          </t>
  </si>
  <si>
    <t xml:space="preserve">ゴム印の調達について                                                                                                    </t>
  </si>
  <si>
    <t xml:space="preserve">サクションリフターほかの調達について                                                                                    </t>
  </si>
  <si>
    <t xml:space="preserve">スペアキーの購入                                                                                                        </t>
  </si>
  <si>
    <t xml:space="preserve">スポットエアコンの購入                                                                                                  </t>
  </si>
  <si>
    <t xml:space="preserve">セーフティーブーツの調達について                                                                                        </t>
  </si>
  <si>
    <t>（株）江成屋</t>
  </si>
  <si>
    <t xml:space="preserve">チャケットゼロワンの購入                                                                                                </t>
  </si>
  <si>
    <t xml:space="preserve">デジタルスーパービジョンプリンター用紙の調達について                                                                    </t>
  </si>
  <si>
    <t xml:space="preserve">トイレットペーパーの購入                                                                                                </t>
  </si>
  <si>
    <t xml:space="preserve">トイレットペーパーの調達について                                                                                        </t>
  </si>
  <si>
    <t xml:space="preserve">トナー４点の購入                                                                                                        </t>
  </si>
  <si>
    <t xml:space="preserve">トナーの購入                                                                                                            </t>
  </si>
  <si>
    <t xml:space="preserve">トナーの調達について                                                                                                    </t>
  </si>
  <si>
    <t xml:space="preserve">トナーの調達について（富士ゼロックスＶ１０６０）                                                                        </t>
  </si>
  <si>
    <t xml:space="preserve">トナー他１点の購入                                                                                                      </t>
  </si>
  <si>
    <t xml:space="preserve">ナイロンコードの調達について                                                                                            </t>
  </si>
  <si>
    <t>（有）市川金物店</t>
  </si>
  <si>
    <t xml:space="preserve">バッテリーほかの調達について                                                                                            </t>
  </si>
  <si>
    <t>有限会社　カンノ電気</t>
  </si>
  <si>
    <t xml:space="preserve">プリンター用トナー３点の購入                                                                                            </t>
  </si>
  <si>
    <t>酒匂</t>
  </si>
  <si>
    <t xml:space="preserve">フルハーネスの調達について                                                                                              </t>
  </si>
  <si>
    <t>和光産業株式会社</t>
  </si>
  <si>
    <t xml:space="preserve">ボールペンリフィルほかの調達について                                                                                    </t>
  </si>
  <si>
    <t>株式会社ミヤダイ</t>
  </si>
  <si>
    <t xml:space="preserve">モニターほかの購入                                                                                                      </t>
  </si>
  <si>
    <t>ヤマダ電機  相模原営業所</t>
  </si>
  <si>
    <t xml:space="preserve">椅子の調達について                                                                                                      </t>
  </si>
  <si>
    <t>（株）小笠原　相模原支店</t>
  </si>
  <si>
    <t>電気,酒匂</t>
  </si>
  <si>
    <t xml:space="preserve">雨衣の調達について                                                                                                      </t>
  </si>
  <si>
    <t>（株）カトウ</t>
  </si>
  <si>
    <t xml:space="preserve">換気扇ほかの調達について                                                                                                </t>
  </si>
  <si>
    <t xml:space="preserve">救命浮輪１８個の購入                                                                                                    </t>
  </si>
  <si>
    <t>（株）山星船具店</t>
  </si>
  <si>
    <t xml:space="preserve">蛍光灯の購入                                                                                                            </t>
  </si>
  <si>
    <t>（株）コジマ　コジマ×ビックカメラ相模原店</t>
  </si>
  <si>
    <t xml:space="preserve">警報用ヒューズの調達について                                                                                            </t>
  </si>
  <si>
    <t xml:space="preserve">港湾土木請負工事積算基準の調達について                                                                                  </t>
  </si>
  <si>
    <t>（公社）日本港湾協会</t>
  </si>
  <si>
    <t xml:space="preserve">残留塩素測定器等の購入                                                                                                  </t>
  </si>
  <si>
    <t xml:space="preserve">事務用チェア等の購入                                                                                                    </t>
  </si>
  <si>
    <t xml:space="preserve">湿式潤滑剤ほかの調達について                                                                                            </t>
  </si>
  <si>
    <t xml:space="preserve">住宅地図の調達について                                                                                                  </t>
  </si>
  <si>
    <t>（株）ゼンリン　横浜営業所</t>
  </si>
  <si>
    <t xml:space="preserve">住宅地図帳の購入                                                                                                        </t>
  </si>
  <si>
    <t xml:space="preserve">消火器の調達について                                                                                                    </t>
  </si>
  <si>
    <t>（株）河本総合防災</t>
  </si>
  <si>
    <t xml:space="preserve">消耗器材購入費（ゴム印購入）                                                                                            </t>
  </si>
  <si>
    <t xml:space="preserve">消耗器材購入費（トナー購入）                                                                                            </t>
  </si>
  <si>
    <t xml:space="preserve">消耗器材購入費（残留塩素計）                                                                                            </t>
  </si>
  <si>
    <t xml:space="preserve">水質消耗品　マグネティックスクリューキャップ他１点の購入                                                                </t>
  </si>
  <si>
    <t xml:space="preserve">水質消耗品　角型洗浄カゴ他３点の購入                                                                                    </t>
  </si>
  <si>
    <t xml:space="preserve">数取器ほかの調達について                                                                                                </t>
  </si>
  <si>
    <t xml:space="preserve">折りたたみベットほかの調達について                                                                                      </t>
  </si>
  <si>
    <t xml:space="preserve">扇風機等の購入                                                                                                          </t>
  </si>
  <si>
    <t xml:space="preserve">草刈機の調達について                                                                                                    </t>
  </si>
  <si>
    <t xml:space="preserve">耐熱エコホース等の購入                                                                                                  </t>
  </si>
  <si>
    <t xml:space="preserve">段差解消スロープの調達について                                                                                          </t>
  </si>
  <si>
    <t>合名会社　山本商会</t>
  </si>
  <si>
    <t xml:space="preserve">電工フィットグローブほかの調達について                                                                                  </t>
  </si>
  <si>
    <t xml:space="preserve">電話機の購入                                                                                                            </t>
  </si>
  <si>
    <t xml:space="preserve">発電機点検整備                                                                                                          </t>
  </si>
  <si>
    <t>（有）津久井自動車</t>
  </si>
  <si>
    <t xml:space="preserve">不織布ケース他の調達について                                                                                            </t>
  </si>
  <si>
    <t xml:space="preserve">文具等の購入                                                                                                            </t>
  </si>
  <si>
    <t xml:space="preserve">文具類購入代                                                                                                            </t>
  </si>
  <si>
    <t xml:space="preserve">文書保存箱の購入　＠１６７×５０箱                                                                                      </t>
  </si>
  <si>
    <t xml:space="preserve">防塵金網の調達について                                                                                                  </t>
  </si>
  <si>
    <t>日本計測株式会社</t>
  </si>
  <si>
    <t xml:space="preserve">その他消耗品費　災害査定総合単価の購入                                                                        </t>
  </si>
  <si>
    <t xml:space="preserve">その他消耗品費　スマートカットテープほかの購入                                                        </t>
  </si>
  <si>
    <t xml:space="preserve">じゅう器購入代　椅子の購入                                                                                  </t>
  </si>
  <si>
    <t xml:space="preserve">その他消耗品費　オリジナル刺繍ミニタオルの作成（優先調達）２回目                                              </t>
  </si>
  <si>
    <t xml:space="preserve">その他消耗品費　はかどりタックインデックスほかの購入                                                          </t>
  </si>
  <si>
    <t xml:space="preserve">その他消耗品費　樹脂製車載ケースほかの購入                                                                </t>
  </si>
  <si>
    <t xml:space="preserve">その他消耗品費　表彰状用紙の購入                                                                              </t>
  </si>
  <si>
    <t xml:space="preserve">その他消耗品費　強力２穴パンチ替刃ほかの購入                                                                  </t>
  </si>
  <si>
    <t xml:space="preserve">消耗器材購入費　ゴミ袋の購入                                                                                </t>
  </si>
  <si>
    <t xml:space="preserve">その他消耗品費　コンパクトデジタルカメラ等の購入                                                              </t>
  </si>
  <si>
    <t xml:space="preserve">消耗器材購入費　ＦＡＸ用トナーの購入                                                                          </t>
  </si>
  <si>
    <t xml:space="preserve">その他消耗品費　強力カラーマグネットの購入                                                                    </t>
  </si>
  <si>
    <t xml:space="preserve">その他消耗品費　ビニールテープほかの購入                                                                  </t>
  </si>
  <si>
    <t xml:space="preserve">その他消耗品費　ラミネートフィルムの購入                                                                      </t>
  </si>
  <si>
    <t xml:space="preserve">その他消耗品費　電池の購入                                                                              </t>
  </si>
  <si>
    <t xml:space="preserve">その他消耗品費　ウェットティシューの購入                                                                      </t>
  </si>
  <si>
    <t xml:space="preserve">その他消耗品費（自転車の修繕）                                                                                    </t>
  </si>
  <si>
    <t>ワキオートショップ</t>
  </si>
  <si>
    <t>共同</t>
    <phoneticPr fontId="2"/>
  </si>
  <si>
    <t>資金</t>
    <phoneticPr fontId="2"/>
  </si>
  <si>
    <t>前渡金受領者  厚木水道営業所</t>
    <phoneticPr fontId="2"/>
  </si>
  <si>
    <t>随意契約による物品購入状況一覧表　令和元年度第２四半期分</t>
    <rPh sb="17" eb="19">
      <t>レイワ</t>
    </rPh>
    <rPh sb="19" eb="21">
      <t>ガンネン</t>
    </rPh>
    <rPh sb="21" eb="22">
      <t>ド</t>
    </rPh>
    <rPh sb="22" eb="23">
      <t>ダイ</t>
    </rPh>
    <rPh sb="24" eb="27">
      <t>シハンキ</t>
    </rPh>
    <rPh sb="27" eb="28">
      <t>ブン</t>
    </rPh>
    <phoneticPr fontId="2"/>
  </si>
  <si>
    <t>前渡金受領者　相模原水道営業所</t>
    <phoneticPr fontId="2"/>
  </si>
  <si>
    <t>（株）相模湖電設</t>
    <phoneticPr fontId="2"/>
  </si>
  <si>
    <t>昭和機器工業（株）横浜営業所</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76" formatCode="0_);[Red]\(0\)"/>
    <numFmt numFmtId="177" formatCode="0000000000000"/>
    <numFmt numFmtId="178" formatCode="00000"/>
  </numFmts>
  <fonts count="7" x14ac:knownFonts="1">
    <font>
      <sz val="12"/>
      <color theme="1"/>
      <name val="ＭＳ 明朝"/>
      <family val="2"/>
      <charset val="128"/>
    </font>
    <font>
      <sz val="12"/>
      <color theme="1"/>
      <name val="ＭＳ 明朝"/>
      <family val="2"/>
      <charset val="128"/>
    </font>
    <font>
      <sz val="6"/>
      <name val="ＭＳ 明朝"/>
      <family val="2"/>
      <charset val="128"/>
    </font>
    <font>
      <b/>
      <sz val="14"/>
      <color theme="1"/>
      <name val="ＭＳ 明朝"/>
      <family val="1"/>
      <charset val="128"/>
    </font>
    <font>
      <u/>
      <sz val="12"/>
      <color theme="1"/>
      <name val="ＭＳ 明朝"/>
      <family val="2"/>
      <charset val="128"/>
    </font>
    <font>
      <sz val="11"/>
      <color theme="1"/>
      <name val="ＭＳ Ｐ明朝"/>
      <family val="1"/>
      <charset val="128"/>
    </font>
    <font>
      <sz val="11"/>
      <color theme="1"/>
      <name val="ＭＳ 明朝"/>
      <family val="1"/>
      <charset val="128"/>
    </font>
  </fonts>
  <fills count="2">
    <fill>
      <patternFill patternType="none"/>
    </fill>
    <fill>
      <patternFill patternType="gray125"/>
    </fill>
  </fills>
  <borders count="6">
    <border>
      <left/>
      <right/>
      <top/>
      <bottom/>
      <diagonal/>
    </border>
    <border>
      <left/>
      <right/>
      <top/>
      <bottom style="thin">
        <color auto="1"/>
      </bottom>
      <diagonal/>
    </border>
    <border>
      <left style="thin">
        <color auto="1"/>
      </left>
      <right style="thin">
        <color auto="1"/>
      </right>
      <top style="thin">
        <color auto="1"/>
      </top>
      <bottom style="thin">
        <color auto="1"/>
      </bottom>
      <diagonal/>
    </border>
    <border>
      <left style="thin">
        <color auto="1"/>
      </left>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s>
  <cellStyleXfs count="3">
    <xf numFmtId="0" fontId="0" fillId="0" borderId="0">
      <alignment vertical="center"/>
    </xf>
    <xf numFmtId="38" fontId="1" fillId="0" borderId="0" applyFont="0" applyFill="0" applyBorder="0" applyAlignment="0" applyProtection="0">
      <alignment vertical="center"/>
    </xf>
    <xf numFmtId="0" fontId="1" fillId="0" borderId="0">
      <alignment vertical="center"/>
    </xf>
  </cellStyleXfs>
  <cellXfs count="40">
    <xf numFmtId="0" fontId="0" fillId="0" borderId="0" xfId="0">
      <alignment vertical="center"/>
    </xf>
    <xf numFmtId="0" fontId="5" fillId="0" borderId="2" xfId="0" applyFont="1" applyFill="1" applyBorder="1" applyAlignment="1">
      <alignment vertical="center" wrapText="1"/>
    </xf>
    <xf numFmtId="0" fontId="0" fillId="0" borderId="0" xfId="0" applyFill="1" applyAlignment="1">
      <alignment vertical="top" wrapText="1"/>
    </xf>
    <xf numFmtId="0" fontId="0" fillId="0" borderId="0" xfId="0" applyFill="1" applyAlignment="1">
      <alignment vertical="center" wrapText="1"/>
    </xf>
    <xf numFmtId="0" fontId="0" fillId="0" borderId="2" xfId="0" applyFill="1" applyBorder="1" applyAlignment="1">
      <alignment horizontal="distributed" vertical="center" wrapText="1" justifyLastLine="1"/>
    </xf>
    <xf numFmtId="0" fontId="5" fillId="0" borderId="2" xfId="0" applyFont="1" applyFill="1" applyBorder="1" applyAlignment="1">
      <alignment horizontal="distributed" vertical="center" wrapText="1" justifyLastLine="1"/>
    </xf>
    <xf numFmtId="0" fontId="0" fillId="0" borderId="3" xfId="0" applyFill="1" applyBorder="1" applyAlignment="1">
      <alignment horizontal="center" vertical="center" wrapText="1"/>
    </xf>
    <xf numFmtId="0" fontId="0" fillId="0" borderId="0" xfId="0" applyFill="1" applyBorder="1" applyAlignment="1">
      <alignment vertical="center" wrapText="1"/>
    </xf>
    <xf numFmtId="56" fontId="0" fillId="0" borderId="2" xfId="0" applyNumberFormat="1" applyFill="1" applyBorder="1" applyAlignment="1">
      <alignment horizontal="center" vertical="center" wrapText="1" shrinkToFit="1"/>
    </xf>
    <xf numFmtId="176" fontId="0" fillId="0" borderId="2" xfId="0" applyNumberFormat="1" applyFill="1" applyBorder="1" applyAlignment="1">
      <alignment horizontal="center" vertical="center" wrapText="1" shrinkToFit="1"/>
    </xf>
    <xf numFmtId="0" fontId="0" fillId="0" borderId="2" xfId="0" applyFill="1" applyBorder="1" applyAlignment="1">
      <alignment horizontal="center" vertical="center" wrapText="1" shrinkToFit="1"/>
    </xf>
    <xf numFmtId="0" fontId="0" fillId="0" borderId="2" xfId="0" applyFill="1" applyBorder="1" applyAlignment="1">
      <alignment vertical="center" wrapText="1"/>
    </xf>
    <xf numFmtId="38" fontId="0" fillId="0" borderId="2" xfId="1" applyFont="1" applyFill="1" applyBorder="1" applyAlignment="1">
      <alignment vertical="center" wrapText="1"/>
    </xf>
    <xf numFmtId="57" fontId="0" fillId="0" borderId="2" xfId="0" applyNumberFormat="1" applyFill="1" applyBorder="1" applyAlignment="1">
      <alignment horizontal="justify" vertical="center" wrapText="1"/>
    </xf>
    <xf numFmtId="56" fontId="0" fillId="0" borderId="0" xfId="0" applyNumberFormat="1" applyFill="1" applyAlignment="1">
      <alignment vertical="center" wrapText="1"/>
    </xf>
    <xf numFmtId="0" fontId="5" fillId="0" borderId="0" xfId="0" applyFont="1" applyFill="1" applyAlignment="1">
      <alignment vertical="center" wrapText="1"/>
    </xf>
    <xf numFmtId="0" fontId="4" fillId="0" borderId="1" xfId="0" applyFont="1" applyFill="1" applyBorder="1" applyAlignment="1">
      <alignment wrapText="1"/>
    </xf>
    <xf numFmtId="56" fontId="0" fillId="0" borderId="0" xfId="0" applyNumberFormat="1" applyFill="1" applyBorder="1" applyAlignment="1">
      <alignment horizontal="center" vertical="center" wrapText="1" shrinkToFit="1"/>
    </xf>
    <xf numFmtId="176" fontId="0" fillId="0" borderId="0" xfId="0" applyNumberFormat="1" applyFill="1" applyBorder="1" applyAlignment="1">
      <alignment horizontal="center" vertical="center" wrapText="1" shrinkToFit="1"/>
    </xf>
    <xf numFmtId="0" fontId="0" fillId="0" borderId="0" xfId="0" applyFill="1" applyBorder="1" applyAlignment="1">
      <alignment horizontal="center" vertical="center" wrapText="1" shrinkToFit="1"/>
    </xf>
    <xf numFmtId="38" fontId="0" fillId="0" borderId="0" xfId="1" applyFont="1" applyFill="1" applyBorder="1" applyAlignment="1">
      <alignment vertical="center" wrapText="1"/>
    </xf>
    <xf numFmtId="0" fontId="5" fillId="0" borderId="0" xfId="0" applyFont="1" applyFill="1" applyBorder="1" applyAlignment="1">
      <alignment vertical="center" wrapText="1"/>
    </xf>
    <xf numFmtId="57" fontId="0" fillId="0" borderId="0" xfId="0" applyNumberFormat="1" applyFill="1" applyBorder="1" applyAlignment="1">
      <alignment horizontal="justify" vertical="center" wrapText="1"/>
    </xf>
    <xf numFmtId="0" fontId="6" fillId="0" borderId="0" xfId="2" applyFont="1" applyFill="1" applyBorder="1" applyAlignment="1">
      <alignment vertical="center"/>
    </xf>
    <xf numFmtId="0" fontId="6" fillId="0" borderId="0" xfId="2" applyFont="1" applyFill="1" applyAlignment="1">
      <alignment vertical="center"/>
    </xf>
    <xf numFmtId="0" fontId="6" fillId="0" borderId="2" xfId="2" applyFont="1" applyFill="1" applyBorder="1" applyAlignment="1">
      <alignment horizontal="center" vertical="center"/>
    </xf>
    <xf numFmtId="177" fontId="0" fillId="0" borderId="2" xfId="0" applyNumberFormat="1" applyFill="1" applyBorder="1" applyAlignment="1">
      <alignment horizontal="distributed" vertical="center" wrapText="1" justifyLastLine="1"/>
    </xf>
    <xf numFmtId="177" fontId="0" fillId="0" borderId="2" xfId="0" applyNumberFormat="1" applyFill="1" applyBorder="1" applyAlignment="1">
      <alignment horizontal="center" vertical="center" wrapText="1"/>
    </xf>
    <xf numFmtId="177" fontId="0" fillId="0" borderId="2" xfId="0" quotePrefix="1" applyNumberFormat="1" applyFill="1" applyBorder="1" applyAlignment="1">
      <alignment horizontal="center" vertical="center" wrapText="1"/>
    </xf>
    <xf numFmtId="177" fontId="0" fillId="0" borderId="0" xfId="0" applyNumberFormat="1" applyFill="1" applyBorder="1" applyAlignment="1">
      <alignment horizontal="center" vertical="center" wrapText="1"/>
    </xf>
    <xf numFmtId="177" fontId="0" fillId="0" borderId="0" xfId="0" applyNumberFormat="1" applyFill="1" applyAlignment="1">
      <alignment horizontal="center" vertical="center" wrapText="1"/>
    </xf>
    <xf numFmtId="178" fontId="0" fillId="0" borderId="2" xfId="0" applyNumberFormat="1" applyFill="1" applyBorder="1" applyAlignment="1">
      <alignment horizontal="distributed" vertical="center" wrapText="1" justifyLastLine="1"/>
    </xf>
    <xf numFmtId="178" fontId="0" fillId="0" borderId="2" xfId="0" applyNumberFormat="1" applyFill="1" applyBorder="1" applyAlignment="1">
      <alignment horizontal="center" vertical="center" wrapText="1"/>
    </xf>
    <xf numFmtId="178" fontId="0" fillId="0" borderId="2" xfId="0" quotePrefix="1" applyNumberFormat="1" applyFill="1" applyBorder="1" applyAlignment="1">
      <alignment horizontal="center" vertical="center" wrapText="1"/>
    </xf>
    <xf numFmtId="178" fontId="0" fillId="0" borderId="0" xfId="0" applyNumberFormat="1" applyFill="1" applyBorder="1" applyAlignment="1">
      <alignment horizontal="center" vertical="center" wrapText="1"/>
    </xf>
    <xf numFmtId="178" fontId="5" fillId="0" borderId="0" xfId="2" applyNumberFormat="1" applyFont="1" applyFill="1" applyBorder="1" applyAlignment="1">
      <alignment vertical="center"/>
    </xf>
    <xf numFmtId="178" fontId="0" fillId="0" borderId="0" xfId="0" applyNumberFormat="1" applyFill="1" applyAlignment="1">
      <alignment vertical="center" wrapText="1"/>
    </xf>
    <xf numFmtId="0" fontId="6" fillId="0" borderId="4" xfId="2" applyFont="1" applyFill="1" applyBorder="1" applyAlignment="1">
      <alignment vertical="center"/>
    </xf>
    <xf numFmtId="0" fontId="6" fillId="0" borderId="5" xfId="2" applyFont="1" applyFill="1" applyBorder="1" applyAlignment="1">
      <alignment vertical="center"/>
    </xf>
    <xf numFmtId="0" fontId="3" fillId="0" borderId="1" xfId="0" applyFont="1" applyFill="1" applyBorder="1" applyAlignment="1">
      <alignment horizontal="center" vertical="center" wrapText="1"/>
    </xf>
  </cellXfs>
  <cellStyles count="3">
    <cellStyle name="桁区切り" xfId="1" builtinId="6"/>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K351"/>
  <sheetViews>
    <sheetView tabSelected="1" topLeftCell="B1" zoomScale="70" zoomScaleNormal="70" workbookViewId="0">
      <selection activeCell="F5" sqref="F5"/>
    </sheetView>
  </sheetViews>
  <sheetFormatPr defaultRowHeight="28.5" customHeight="1" x14ac:dyDescent="0.15"/>
  <cols>
    <col min="1" max="1" width="14.375" style="3" customWidth="1"/>
    <col min="2" max="2" width="8" style="3" customWidth="1"/>
    <col min="3" max="3" width="13.25" style="3" customWidth="1"/>
    <col min="4" max="4" width="30.25" style="3" bestFit="1" customWidth="1"/>
    <col min="5" max="5" width="9" style="36"/>
    <col min="6" max="6" width="130.875" style="3" bestFit="1" customWidth="1"/>
    <col min="7" max="7" width="13.75" style="3" customWidth="1"/>
    <col min="8" max="8" width="49" style="15" bestFit="1" customWidth="1"/>
    <col min="9" max="9" width="18.75" style="30" customWidth="1"/>
    <col min="10" max="10" width="12.25" style="3" customWidth="1"/>
    <col min="11" max="11" width="18.125" style="3" customWidth="1"/>
    <col min="12" max="16384" width="9" style="3"/>
  </cols>
  <sheetData>
    <row r="1" spans="1:11" ht="28.5" customHeight="1" x14ac:dyDescent="0.15">
      <c r="A1" s="2" t="s">
        <v>11</v>
      </c>
      <c r="B1" s="39" t="s">
        <v>464</v>
      </c>
      <c r="C1" s="39"/>
      <c r="D1" s="39"/>
      <c r="E1" s="39"/>
      <c r="F1" s="39"/>
      <c r="G1" s="39"/>
      <c r="H1" s="39"/>
      <c r="I1" s="39"/>
      <c r="J1" s="16" t="s">
        <v>12</v>
      </c>
    </row>
    <row r="2" spans="1:11" ht="28.5" customHeight="1" x14ac:dyDescent="0.15">
      <c r="A2" s="4" t="s">
        <v>13</v>
      </c>
      <c r="B2" s="4" t="s">
        <v>14</v>
      </c>
      <c r="C2" s="4" t="s">
        <v>15</v>
      </c>
      <c r="D2" s="4" t="s">
        <v>16</v>
      </c>
      <c r="E2" s="31" t="s">
        <v>17</v>
      </c>
      <c r="F2" s="4" t="s">
        <v>18</v>
      </c>
      <c r="G2" s="4" t="s">
        <v>19</v>
      </c>
      <c r="H2" s="5" t="s">
        <v>20</v>
      </c>
      <c r="I2" s="26" t="s">
        <v>21</v>
      </c>
      <c r="J2" s="4" t="s">
        <v>22</v>
      </c>
      <c r="K2" s="6"/>
    </row>
    <row r="3" spans="1:11" ht="28.5" customHeight="1" x14ac:dyDescent="0.15">
      <c r="A3" s="8" t="s">
        <v>23</v>
      </c>
      <c r="B3" s="9" t="s">
        <v>24</v>
      </c>
      <c r="C3" s="10" t="s">
        <v>43</v>
      </c>
      <c r="D3" s="10" t="s">
        <v>145</v>
      </c>
      <c r="E3" s="32">
        <v>801</v>
      </c>
      <c r="F3" s="11" t="s">
        <v>444</v>
      </c>
      <c r="G3" s="12">
        <v>7614</v>
      </c>
      <c r="H3" s="1" t="s">
        <v>149</v>
      </c>
      <c r="I3" s="27">
        <v>4020001018845</v>
      </c>
      <c r="J3" s="13">
        <v>43684</v>
      </c>
    </row>
    <row r="4" spans="1:11" ht="28.5" customHeight="1" x14ac:dyDescent="0.15">
      <c r="A4" s="8" t="s">
        <v>23</v>
      </c>
      <c r="B4" s="9" t="s">
        <v>24</v>
      </c>
      <c r="C4" s="10" t="s">
        <v>43</v>
      </c>
      <c r="D4" s="10" t="s">
        <v>145</v>
      </c>
      <c r="E4" s="32">
        <v>879</v>
      </c>
      <c r="F4" s="11" t="s">
        <v>448</v>
      </c>
      <c r="G4" s="12">
        <v>9720</v>
      </c>
      <c r="H4" s="1" t="s">
        <v>288</v>
      </c>
      <c r="I4" s="27">
        <v>4020002047892</v>
      </c>
      <c r="J4" s="13">
        <v>43706</v>
      </c>
    </row>
    <row r="5" spans="1:11" ht="28.5" customHeight="1" x14ac:dyDescent="0.15">
      <c r="A5" s="8" t="s">
        <v>23</v>
      </c>
      <c r="B5" s="9" t="s">
        <v>24</v>
      </c>
      <c r="C5" s="10" t="s">
        <v>43</v>
      </c>
      <c r="D5" s="10" t="s">
        <v>145</v>
      </c>
      <c r="E5" s="32">
        <v>936</v>
      </c>
      <c r="F5" s="11" t="s">
        <v>453</v>
      </c>
      <c r="G5" s="12">
        <v>36720</v>
      </c>
      <c r="H5" s="1" t="s">
        <v>146</v>
      </c>
      <c r="I5" s="27">
        <v>4020001025949</v>
      </c>
      <c r="J5" s="13">
        <v>43719</v>
      </c>
    </row>
    <row r="6" spans="1:11" ht="28.5" customHeight="1" x14ac:dyDescent="0.15">
      <c r="A6" s="8" t="s">
        <v>23</v>
      </c>
      <c r="B6" s="9" t="s">
        <v>24</v>
      </c>
      <c r="C6" s="10" t="s">
        <v>43</v>
      </c>
      <c r="D6" s="10" t="s">
        <v>145</v>
      </c>
      <c r="E6" s="32">
        <v>955</v>
      </c>
      <c r="F6" s="11" t="s">
        <v>455</v>
      </c>
      <c r="G6" s="12">
        <v>1905</v>
      </c>
      <c r="H6" s="1" t="s">
        <v>187</v>
      </c>
      <c r="I6" s="27">
        <v>7020001024114</v>
      </c>
      <c r="J6" s="13">
        <v>43725</v>
      </c>
    </row>
    <row r="7" spans="1:11" ht="28.5" customHeight="1" x14ac:dyDescent="0.15">
      <c r="A7" s="8" t="s">
        <v>23</v>
      </c>
      <c r="B7" s="9" t="s">
        <v>24</v>
      </c>
      <c r="C7" s="10" t="s">
        <v>29</v>
      </c>
      <c r="D7" s="10" t="s">
        <v>145</v>
      </c>
      <c r="E7" s="32">
        <v>819</v>
      </c>
      <c r="F7" s="11" t="s">
        <v>446</v>
      </c>
      <c r="G7" s="12">
        <v>435456</v>
      </c>
      <c r="H7" s="1" t="s">
        <v>306</v>
      </c>
      <c r="I7" s="27">
        <v>9020005008978</v>
      </c>
      <c r="J7" s="13">
        <v>43692</v>
      </c>
    </row>
    <row r="8" spans="1:11" ht="28.5" customHeight="1" x14ac:dyDescent="0.15">
      <c r="A8" s="8" t="s">
        <v>23</v>
      </c>
      <c r="B8" s="9" t="s">
        <v>24</v>
      </c>
      <c r="C8" s="10" t="s">
        <v>29</v>
      </c>
      <c r="D8" s="10" t="s">
        <v>145</v>
      </c>
      <c r="E8" s="32">
        <v>896</v>
      </c>
      <c r="F8" s="11" t="s">
        <v>450</v>
      </c>
      <c r="G8" s="12">
        <v>5192</v>
      </c>
      <c r="H8" s="1" t="s">
        <v>304</v>
      </c>
      <c r="I8" s="27">
        <v>7020002052519</v>
      </c>
      <c r="J8" s="13">
        <v>43711</v>
      </c>
    </row>
    <row r="9" spans="1:11" ht="28.5" customHeight="1" x14ac:dyDescent="0.15">
      <c r="A9" s="8" t="s">
        <v>23</v>
      </c>
      <c r="B9" s="9" t="s">
        <v>24</v>
      </c>
      <c r="C9" s="10" t="s">
        <v>29</v>
      </c>
      <c r="D9" s="10" t="s">
        <v>145</v>
      </c>
      <c r="E9" s="32">
        <v>974</v>
      </c>
      <c r="F9" s="11" t="s">
        <v>456</v>
      </c>
      <c r="G9" s="12">
        <v>3240</v>
      </c>
      <c r="H9" s="1" t="s">
        <v>303</v>
      </c>
      <c r="I9" s="27">
        <v>3020001013830</v>
      </c>
      <c r="J9" s="13">
        <v>43728</v>
      </c>
    </row>
    <row r="10" spans="1:11" ht="28.5" customHeight="1" x14ac:dyDescent="0.15">
      <c r="A10" s="8" t="s">
        <v>23</v>
      </c>
      <c r="B10" s="9" t="s">
        <v>24</v>
      </c>
      <c r="C10" s="10" t="s">
        <v>462</v>
      </c>
      <c r="D10" s="10" t="s">
        <v>145</v>
      </c>
      <c r="E10" s="32">
        <v>797</v>
      </c>
      <c r="F10" s="11" t="s">
        <v>443</v>
      </c>
      <c r="G10" s="12">
        <v>41520</v>
      </c>
      <c r="H10" s="1" t="s">
        <v>289</v>
      </c>
      <c r="I10" s="27">
        <v>4010405010556</v>
      </c>
      <c r="J10" s="13">
        <v>43684</v>
      </c>
    </row>
    <row r="11" spans="1:11" ht="28.5" customHeight="1" x14ac:dyDescent="0.15">
      <c r="A11" s="8" t="s">
        <v>23</v>
      </c>
      <c r="B11" s="9" t="s">
        <v>24</v>
      </c>
      <c r="C11" s="10" t="s">
        <v>25</v>
      </c>
      <c r="D11" s="10" t="s">
        <v>145</v>
      </c>
      <c r="E11" s="32">
        <v>809</v>
      </c>
      <c r="F11" s="11" t="s">
        <v>445</v>
      </c>
      <c r="G11" s="12">
        <v>22140</v>
      </c>
      <c r="H11" s="1" t="s">
        <v>179</v>
      </c>
      <c r="I11" s="27">
        <v>1020001041197</v>
      </c>
      <c r="J11" s="13">
        <v>43686</v>
      </c>
    </row>
    <row r="12" spans="1:11" ht="28.5" customHeight="1" x14ac:dyDescent="0.15">
      <c r="A12" s="8" t="s">
        <v>23</v>
      </c>
      <c r="B12" s="9" t="s">
        <v>24</v>
      </c>
      <c r="C12" s="10" t="s">
        <v>25</v>
      </c>
      <c r="D12" s="10" t="s">
        <v>145</v>
      </c>
      <c r="E12" s="32">
        <v>893</v>
      </c>
      <c r="F12" s="11" t="s">
        <v>449</v>
      </c>
      <c r="G12" s="12">
        <v>40470</v>
      </c>
      <c r="H12" s="1" t="s">
        <v>290</v>
      </c>
      <c r="I12" s="27">
        <v>6010405003434</v>
      </c>
      <c r="J12" s="13">
        <v>43710</v>
      </c>
    </row>
    <row r="13" spans="1:11" ht="28.5" customHeight="1" x14ac:dyDescent="0.15">
      <c r="A13" s="8" t="s">
        <v>23</v>
      </c>
      <c r="B13" s="9" t="s">
        <v>24</v>
      </c>
      <c r="C13" s="10" t="s">
        <v>25</v>
      </c>
      <c r="D13" s="10" t="s">
        <v>145</v>
      </c>
      <c r="E13" s="32">
        <v>912</v>
      </c>
      <c r="F13" s="11" t="s">
        <v>451</v>
      </c>
      <c r="G13" s="12">
        <v>46656</v>
      </c>
      <c r="H13" s="1" t="s">
        <v>149</v>
      </c>
      <c r="I13" s="27">
        <v>4020001018845</v>
      </c>
      <c r="J13" s="13">
        <v>43713</v>
      </c>
    </row>
    <row r="14" spans="1:11" ht="28.5" customHeight="1" x14ac:dyDescent="0.15">
      <c r="A14" s="8" t="s">
        <v>23</v>
      </c>
      <c r="B14" s="9" t="s">
        <v>24</v>
      </c>
      <c r="C14" s="10" t="s">
        <v>25</v>
      </c>
      <c r="D14" s="10" t="s">
        <v>145</v>
      </c>
      <c r="E14" s="32">
        <v>941</v>
      </c>
      <c r="F14" s="11" t="s">
        <v>454</v>
      </c>
      <c r="G14" s="12">
        <v>885</v>
      </c>
      <c r="H14" s="1" t="s">
        <v>302</v>
      </c>
      <c r="I14" s="27">
        <v>5020001035006</v>
      </c>
      <c r="J14" s="13">
        <v>43720</v>
      </c>
    </row>
    <row r="15" spans="1:11" ht="28.5" customHeight="1" x14ac:dyDescent="0.15">
      <c r="A15" s="8" t="s">
        <v>23</v>
      </c>
      <c r="B15" s="9" t="s">
        <v>24</v>
      </c>
      <c r="C15" s="10" t="s">
        <v>25</v>
      </c>
      <c r="D15" s="10" t="s">
        <v>145</v>
      </c>
      <c r="E15" s="32">
        <v>975</v>
      </c>
      <c r="F15" s="11" t="s">
        <v>457</v>
      </c>
      <c r="G15" s="12">
        <v>4114</v>
      </c>
      <c r="H15" s="1" t="s">
        <v>299</v>
      </c>
      <c r="I15" s="27">
        <v>8020001013660</v>
      </c>
      <c r="J15" s="13">
        <v>43728</v>
      </c>
    </row>
    <row r="16" spans="1:11" ht="28.5" customHeight="1" x14ac:dyDescent="0.15">
      <c r="A16" s="8" t="s">
        <v>23</v>
      </c>
      <c r="B16" s="9" t="s">
        <v>24</v>
      </c>
      <c r="C16" s="10" t="s">
        <v>25</v>
      </c>
      <c r="D16" s="10" t="s">
        <v>145</v>
      </c>
      <c r="E16" s="32">
        <v>1001</v>
      </c>
      <c r="F16" s="11" t="s">
        <v>458</v>
      </c>
      <c r="G16" s="12">
        <v>8812</v>
      </c>
      <c r="H16" s="1" t="s">
        <v>298</v>
      </c>
      <c r="I16" s="27">
        <v>1020001013915</v>
      </c>
      <c r="J16" s="13">
        <v>43733</v>
      </c>
    </row>
    <row r="17" spans="1:10" ht="28.5" customHeight="1" x14ac:dyDescent="0.15">
      <c r="A17" s="8" t="s">
        <v>23</v>
      </c>
      <c r="B17" s="9" t="s">
        <v>24</v>
      </c>
      <c r="C17" s="10" t="s">
        <v>461</v>
      </c>
      <c r="D17" s="10" t="s">
        <v>145</v>
      </c>
      <c r="E17" s="32">
        <v>844</v>
      </c>
      <c r="F17" s="11" t="s">
        <v>447</v>
      </c>
      <c r="G17" s="12">
        <v>32508</v>
      </c>
      <c r="H17" s="1" t="s">
        <v>307</v>
      </c>
      <c r="I17" s="27">
        <v>1020001123193</v>
      </c>
      <c r="J17" s="13">
        <v>43698</v>
      </c>
    </row>
    <row r="18" spans="1:10" ht="28.5" customHeight="1" x14ac:dyDescent="0.15">
      <c r="A18" s="8" t="s">
        <v>23</v>
      </c>
      <c r="B18" s="9" t="s">
        <v>24</v>
      </c>
      <c r="C18" s="10" t="s">
        <v>35</v>
      </c>
      <c r="D18" s="10" t="s">
        <v>145</v>
      </c>
      <c r="E18" s="32">
        <v>933</v>
      </c>
      <c r="F18" s="11" t="s">
        <v>452</v>
      </c>
      <c r="G18" s="12">
        <v>24084</v>
      </c>
      <c r="H18" s="1" t="s">
        <v>299</v>
      </c>
      <c r="I18" s="27">
        <v>8020001013660</v>
      </c>
      <c r="J18" s="13">
        <v>43718</v>
      </c>
    </row>
    <row r="19" spans="1:10" ht="28.5" customHeight="1" x14ac:dyDescent="0.15">
      <c r="A19" s="8" t="s">
        <v>23</v>
      </c>
      <c r="B19" s="9" t="s">
        <v>24</v>
      </c>
      <c r="C19" s="10" t="s">
        <v>43</v>
      </c>
      <c r="D19" s="10" t="s">
        <v>241</v>
      </c>
      <c r="E19" s="32">
        <v>110</v>
      </c>
      <c r="F19" s="11" t="s">
        <v>398</v>
      </c>
      <c r="G19" s="12">
        <v>61614</v>
      </c>
      <c r="H19" s="1" t="s">
        <v>399</v>
      </c>
      <c r="I19" s="27">
        <v>4070001011201</v>
      </c>
      <c r="J19" s="13">
        <v>43650</v>
      </c>
    </row>
    <row r="20" spans="1:10" ht="28.5" customHeight="1" x14ac:dyDescent="0.15">
      <c r="A20" s="8" t="s">
        <v>23</v>
      </c>
      <c r="B20" s="9" t="s">
        <v>24</v>
      </c>
      <c r="C20" s="10" t="s">
        <v>43</v>
      </c>
      <c r="D20" s="10" t="s">
        <v>241</v>
      </c>
      <c r="E20" s="32">
        <v>111</v>
      </c>
      <c r="F20" s="11" t="s">
        <v>375</v>
      </c>
      <c r="G20" s="12">
        <v>1290</v>
      </c>
      <c r="H20" s="1" t="s">
        <v>465</v>
      </c>
      <c r="I20" s="27" t="s">
        <v>39</v>
      </c>
      <c r="J20" s="13">
        <v>43651</v>
      </c>
    </row>
    <row r="21" spans="1:10" ht="28.5" customHeight="1" x14ac:dyDescent="0.15">
      <c r="A21" s="8" t="s">
        <v>23</v>
      </c>
      <c r="B21" s="9" t="s">
        <v>24</v>
      </c>
      <c r="C21" s="10" t="s">
        <v>43</v>
      </c>
      <c r="D21" s="10" t="s">
        <v>241</v>
      </c>
      <c r="E21" s="32">
        <v>114</v>
      </c>
      <c r="F21" s="11" t="s">
        <v>413</v>
      </c>
      <c r="G21" s="12">
        <v>35910</v>
      </c>
      <c r="H21" s="1" t="s">
        <v>154</v>
      </c>
      <c r="I21" s="27">
        <v>2021001016122</v>
      </c>
      <c r="J21" s="13">
        <v>43655</v>
      </c>
    </row>
    <row r="22" spans="1:10" ht="28.5" customHeight="1" x14ac:dyDescent="0.15">
      <c r="A22" s="8" t="s">
        <v>23</v>
      </c>
      <c r="B22" s="9" t="s">
        <v>24</v>
      </c>
      <c r="C22" s="10" t="s">
        <v>43</v>
      </c>
      <c r="D22" s="10" t="s">
        <v>241</v>
      </c>
      <c r="E22" s="32">
        <v>116</v>
      </c>
      <c r="F22" s="11" t="s">
        <v>372</v>
      </c>
      <c r="G22" s="12">
        <v>48351</v>
      </c>
      <c r="H22" s="1" t="s">
        <v>243</v>
      </c>
      <c r="I22" s="27">
        <v>8021001013709</v>
      </c>
      <c r="J22" s="13">
        <v>43656</v>
      </c>
    </row>
    <row r="23" spans="1:10" ht="28.5" customHeight="1" x14ac:dyDescent="0.15">
      <c r="A23" s="8" t="s">
        <v>23</v>
      </c>
      <c r="B23" s="9" t="s">
        <v>24</v>
      </c>
      <c r="C23" s="10" t="s">
        <v>43</v>
      </c>
      <c r="D23" s="10" t="s">
        <v>241</v>
      </c>
      <c r="E23" s="32">
        <v>119</v>
      </c>
      <c r="F23" s="11" t="s">
        <v>408</v>
      </c>
      <c r="G23" s="12">
        <v>19440</v>
      </c>
      <c r="H23" s="1" t="s">
        <v>409</v>
      </c>
      <c r="I23" s="27">
        <v>2060001001667</v>
      </c>
      <c r="J23" s="13">
        <v>43663</v>
      </c>
    </row>
    <row r="24" spans="1:10" ht="28.5" customHeight="1" x14ac:dyDescent="0.15">
      <c r="A24" s="8" t="s">
        <v>23</v>
      </c>
      <c r="B24" s="9" t="s">
        <v>24</v>
      </c>
      <c r="C24" s="10" t="s">
        <v>43</v>
      </c>
      <c r="D24" s="10" t="s">
        <v>241</v>
      </c>
      <c r="E24" s="32">
        <v>120</v>
      </c>
      <c r="F24" s="11" t="s">
        <v>381</v>
      </c>
      <c r="G24" s="12">
        <v>21600</v>
      </c>
      <c r="H24" s="1" t="s">
        <v>118</v>
      </c>
      <c r="I24" s="27">
        <v>2020001021339</v>
      </c>
      <c r="J24" s="13">
        <v>43663</v>
      </c>
    </row>
    <row r="25" spans="1:10" ht="28.5" customHeight="1" x14ac:dyDescent="0.15">
      <c r="A25" s="8" t="s">
        <v>23</v>
      </c>
      <c r="B25" s="9" t="s">
        <v>24</v>
      </c>
      <c r="C25" s="10" t="s">
        <v>43</v>
      </c>
      <c r="D25" s="10" t="s">
        <v>241</v>
      </c>
      <c r="E25" s="32">
        <v>125</v>
      </c>
      <c r="F25" s="11" t="s">
        <v>359</v>
      </c>
      <c r="G25" s="12">
        <v>49397</v>
      </c>
      <c r="H25" s="1" t="s">
        <v>108</v>
      </c>
      <c r="I25" s="27">
        <v>2021001013805</v>
      </c>
      <c r="J25" s="13">
        <v>43668</v>
      </c>
    </row>
    <row r="26" spans="1:10" ht="28.5" customHeight="1" x14ac:dyDescent="0.15">
      <c r="A26" s="8" t="s">
        <v>23</v>
      </c>
      <c r="B26" s="9" t="s">
        <v>24</v>
      </c>
      <c r="C26" s="10" t="s">
        <v>43</v>
      </c>
      <c r="D26" s="10" t="s">
        <v>241</v>
      </c>
      <c r="E26" s="32">
        <v>130</v>
      </c>
      <c r="F26" s="11" t="s">
        <v>379</v>
      </c>
      <c r="G26" s="12">
        <v>19224</v>
      </c>
      <c r="H26" s="1" t="s">
        <v>269</v>
      </c>
      <c r="I26" s="27">
        <v>8013201005478</v>
      </c>
      <c r="J26" s="13">
        <v>43675</v>
      </c>
    </row>
    <row r="27" spans="1:10" ht="28.5" customHeight="1" x14ac:dyDescent="0.15">
      <c r="A27" s="8" t="s">
        <v>23</v>
      </c>
      <c r="B27" s="9" t="s">
        <v>24</v>
      </c>
      <c r="C27" s="10" t="s">
        <v>43</v>
      </c>
      <c r="D27" s="10" t="s">
        <v>241</v>
      </c>
      <c r="E27" s="32">
        <v>134</v>
      </c>
      <c r="F27" s="11" t="s">
        <v>440</v>
      </c>
      <c r="G27" s="12">
        <v>8350</v>
      </c>
      <c r="H27" s="1" t="s">
        <v>240</v>
      </c>
      <c r="I27" s="27">
        <v>4020001020818</v>
      </c>
      <c r="J27" s="13">
        <v>43677</v>
      </c>
    </row>
    <row r="28" spans="1:10" ht="28.5" customHeight="1" x14ac:dyDescent="0.15">
      <c r="A28" s="8" t="s">
        <v>23</v>
      </c>
      <c r="B28" s="9" t="s">
        <v>24</v>
      </c>
      <c r="C28" s="10" t="s">
        <v>43</v>
      </c>
      <c r="D28" s="10" t="s">
        <v>241</v>
      </c>
      <c r="E28" s="32">
        <v>135</v>
      </c>
      <c r="F28" s="11" t="s">
        <v>428</v>
      </c>
      <c r="G28" s="12">
        <v>39923</v>
      </c>
      <c r="H28" s="1" t="s">
        <v>60</v>
      </c>
      <c r="I28" s="27" t="s">
        <v>39</v>
      </c>
      <c r="J28" s="13">
        <v>43679</v>
      </c>
    </row>
    <row r="29" spans="1:10" ht="28.5" customHeight="1" x14ac:dyDescent="0.15">
      <c r="A29" s="8" t="s">
        <v>23</v>
      </c>
      <c r="B29" s="9" t="s">
        <v>24</v>
      </c>
      <c r="C29" s="10" t="s">
        <v>43</v>
      </c>
      <c r="D29" s="10" t="s">
        <v>241</v>
      </c>
      <c r="E29" s="32">
        <v>139</v>
      </c>
      <c r="F29" s="11" t="s">
        <v>363</v>
      </c>
      <c r="G29" s="12">
        <v>43636</v>
      </c>
      <c r="H29" s="1" t="s">
        <v>361</v>
      </c>
      <c r="I29" s="27">
        <v>1021001011776</v>
      </c>
      <c r="J29" s="13">
        <v>43683</v>
      </c>
    </row>
    <row r="30" spans="1:10" ht="28.5" customHeight="1" x14ac:dyDescent="0.15">
      <c r="A30" s="8" t="s">
        <v>23</v>
      </c>
      <c r="B30" s="9" t="s">
        <v>24</v>
      </c>
      <c r="C30" s="10" t="s">
        <v>43</v>
      </c>
      <c r="D30" s="10" t="s">
        <v>241</v>
      </c>
      <c r="E30" s="32">
        <v>144</v>
      </c>
      <c r="F30" s="11" t="s">
        <v>360</v>
      </c>
      <c r="G30" s="12">
        <v>32555</v>
      </c>
      <c r="H30" s="1" t="s">
        <v>361</v>
      </c>
      <c r="I30" s="27">
        <v>1021001011776</v>
      </c>
      <c r="J30" s="13">
        <v>43696</v>
      </c>
    </row>
    <row r="31" spans="1:10" ht="28.5" customHeight="1" x14ac:dyDescent="0.15">
      <c r="A31" s="8" t="s">
        <v>23</v>
      </c>
      <c r="B31" s="9" t="s">
        <v>24</v>
      </c>
      <c r="C31" s="10" t="s">
        <v>43</v>
      </c>
      <c r="D31" s="10" t="s">
        <v>241</v>
      </c>
      <c r="E31" s="32">
        <v>149</v>
      </c>
      <c r="F31" s="11" t="s">
        <v>414</v>
      </c>
      <c r="G31" s="12">
        <v>37823</v>
      </c>
      <c r="H31" s="1" t="s">
        <v>108</v>
      </c>
      <c r="I31" s="27">
        <v>2021001013805</v>
      </c>
      <c r="J31" s="13">
        <v>43700</v>
      </c>
    </row>
    <row r="32" spans="1:10" ht="28.5" customHeight="1" x14ac:dyDescent="0.15">
      <c r="A32" s="8" t="s">
        <v>23</v>
      </c>
      <c r="B32" s="9" t="s">
        <v>24</v>
      </c>
      <c r="C32" s="10" t="s">
        <v>43</v>
      </c>
      <c r="D32" s="10" t="s">
        <v>241</v>
      </c>
      <c r="E32" s="32">
        <v>155</v>
      </c>
      <c r="F32" s="11" t="s">
        <v>430</v>
      </c>
      <c r="G32" s="12">
        <v>13322</v>
      </c>
      <c r="H32" s="1" t="s">
        <v>358</v>
      </c>
      <c r="I32" s="27">
        <v>2120001072223</v>
      </c>
      <c r="J32" s="13">
        <v>43705</v>
      </c>
    </row>
    <row r="33" spans="1:11" ht="28.5" customHeight="1" x14ac:dyDescent="0.15">
      <c r="A33" s="8" t="s">
        <v>23</v>
      </c>
      <c r="B33" s="9" t="s">
        <v>24</v>
      </c>
      <c r="C33" s="10" t="s">
        <v>43</v>
      </c>
      <c r="D33" s="10" t="s">
        <v>241</v>
      </c>
      <c r="E33" s="32">
        <v>156</v>
      </c>
      <c r="F33" s="11" t="s">
        <v>371</v>
      </c>
      <c r="G33" s="12">
        <v>25855</v>
      </c>
      <c r="H33" s="1" t="s">
        <v>243</v>
      </c>
      <c r="I33" s="27">
        <v>8021001013709</v>
      </c>
      <c r="J33" s="13">
        <v>43711</v>
      </c>
    </row>
    <row r="34" spans="1:11" ht="28.5" customHeight="1" x14ac:dyDescent="0.15">
      <c r="A34" s="8" t="s">
        <v>23</v>
      </c>
      <c r="B34" s="9" t="s">
        <v>24</v>
      </c>
      <c r="C34" s="10" t="s">
        <v>43</v>
      </c>
      <c r="D34" s="10" t="s">
        <v>241</v>
      </c>
      <c r="E34" s="32">
        <v>166</v>
      </c>
      <c r="F34" s="11" t="s">
        <v>362</v>
      </c>
      <c r="G34" s="12">
        <v>37310</v>
      </c>
      <c r="H34" s="1" t="s">
        <v>361</v>
      </c>
      <c r="I34" s="27">
        <v>1021001011776</v>
      </c>
      <c r="J34" s="13">
        <v>43714</v>
      </c>
    </row>
    <row r="35" spans="1:11" ht="28.5" customHeight="1" x14ac:dyDescent="0.15">
      <c r="A35" s="8" t="s">
        <v>23</v>
      </c>
      <c r="B35" s="9" t="s">
        <v>24</v>
      </c>
      <c r="C35" s="10" t="s">
        <v>43</v>
      </c>
      <c r="D35" s="10" t="s">
        <v>241</v>
      </c>
      <c r="E35" s="32">
        <v>170</v>
      </c>
      <c r="F35" s="11" t="s">
        <v>242</v>
      </c>
      <c r="G35" s="12">
        <v>2019</v>
      </c>
      <c r="H35" s="1" t="s">
        <v>243</v>
      </c>
      <c r="I35" s="27">
        <v>8021001013709</v>
      </c>
      <c r="J35" s="13">
        <v>43720</v>
      </c>
    </row>
    <row r="36" spans="1:11" ht="28.5" customHeight="1" x14ac:dyDescent="0.15">
      <c r="A36" s="8" t="s">
        <v>23</v>
      </c>
      <c r="B36" s="9" t="s">
        <v>24</v>
      </c>
      <c r="C36" s="10" t="s">
        <v>43</v>
      </c>
      <c r="D36" s="10" t="s">
        <v>241</v>
      </c>
      <c r="E36" s="32">
        <v>181</v>
      </c>
      <c r="F36" s="11" t="s">
        <v>357</v>
      </c>
      <c r="G36" s="12">
        <v>49075</v>
      </c>
      <c r="H36" s="1" t="s">
        <v>358</v>
      </c>
      <c r="I36" s="27">
        <v>2120001072223</v>
      </c>
      <c r="J36" s="13">
        <v>43732</v>
      </c>
    </row>
    <row r="37" spans="1:11" ht="28.5" customHeight="1" x14ac:dyDescent="0.15">
      <c r="A37" s="8" t="s">
        <v>23</v>
      </c>
      <c r="B37" s="9" t="s">
        <v>24</v>
      </c>
      <c r="C37" s="10" t="s">
        <v>43</v>
      </c>
      <c r="D37" s="10" t="s">
        <v>44</v>
      </c>
      <c r="E37" s="32">
        <v>122</v>
      </c>
      <c r="F37" s="11" t="s">
        <v>422</v>
      </c>
      <c r="G37" s="12">
        <v>80460</v>
      </c>
      <c r="H37" s="1" t="s">
        <v>120</v>
      </c>
      <c r="I37" s="27">
        <v>5430001028059</v>
      </c>
      <c r="J37" s="13">
        <v>43656</v>
      </c>
    </row>
    <row r="38" spans="1:11" ht="28.5" customHeight="1" x14ac:dyDescent="0.15">
      <c r="A38" s="8" t="s">
        <v>23</v>
      </c>
      <c r="B38" s="9" t="s">
        <v>24</v>
      </c>
      <c r="C38" s="10" t="s">
        <v>43</v>
      </c>
      <c r="D38" s="10" t="s">
        <v>44</v>
      </c>
      <c r="E38" s="32">
        <v>132</v>
      </c>
      <c r="F38" s="11" t="s">
        <v>439</v>
      </c>
      <c r="G38" s="12">
        <v>49796</v>
      </c>
      <c r="H38" s="1" t="s">
        <v>108</v>
      </c>
      <c r="I38" s="27">
        <v>2021001013805</v>
      </c>
      <c r="J38" s="13">
        <v>43676</v>
      </c>
    </row>
    <row r="39" spans="1:11" ht="28.5" customHeight="1" x14ac:dyDescent="0.15">
      <c r="A39" s="8" t="s">
        <v>23</v>
      </c>
      <c r="B39" s="9" t="s">
        <v>24</v>
      </c>
      <c r="C39" s="10" t="s">
        <v>43</v>
      </c>
      <c r="D39" s="10" t="s">
        <v>44</v>
      </c>
      <c r="E39" s="32">
        <v>135</v>
      </c>
      <c r="F39" s="11" t="s">
        <v>421</v>
      </c>
      <c r="G39" s="12">
        <v>33518</v>
      </c>
      <c r="H39" s="1" t="s">
        <v>243</v>
      </c>
      <c r="I39" s="27">
        <v>8021001013709</v>
      </c>
      <c r="J39" s="13">
        <v>43684</v>
      </c>
    </row>
    <row r="40" spans="1:11" ht="28.5" customHeight="1" x14ac:dyDescent="0.15">
      <c r="A40" s="8" t="s">
        <v>23</v>
      </c>
      <c r="B40" s="9" t="s">
        <v>24</v>
      </c>
      <c r="C40" s="10" t="s">
        <v>43</v>
      </c>
      <c r="D40" s="10" t="s">
        <v>44</v>
      </c>
      <c r="E40" s="32">
        <v>138</v>
      </c>
      <c r="F40" s="11" t="s">
        <v>423</v>
      </c>
      <c r="G40" s="12">
        <v>76032</v>
      </c>
      <c r="H40" s="1" t="s">
        <v>148</v>
      </c>
      <c r="I40" s="27">
        <v>1021001012155</v>
      </c>
      <c r="J40" s="13">
        <v>43686</v>
      </c>
    </row>
    <row r="41" spans="1:11" ht="28.5" customHeight="1" x14ac:dyDescent="0.15">
      <c r="A41" s="8" t="s">
        <v>23</v>
      </c>
      <c r="B41" s="9" t="s">
        <v>24</v>
      </c>
      <c r="C41" s="10" t="s">
        <v>43</v>
      </c>
      <c r="D41" s="10" t="s">
        <v>44</v>
      </c>
      <c r="E41" s="32">
        <v>145</v>
      </c>
      <c r="F41" s="11" t="s">
        <v>178</v>
      </c>
      <c r="G41" s="12">
        <v>90720</v>
      </c>
      <c r="H41" s="1" t="s">
        <v>60</v>
      </c>
      <c r="I41" s="27" t="s">
        <v>39</v>
      </c>
      <c r="J41" s="13">
        <v>43706</v>
      </c>
    </row>
    <row r="42" spans="1:11" ht="28.5" customHeight="1" x14ac:dyDescent="0.15">
      <c r="A42" s="8" t="s">
        <v>23</v>
      </c>
      <c r="B42" s="9" t="s">
        <v>24</v>
      </c>
      <c r="C42" s="10" t="s">
        <v>43</v>
      </c>
      <c r="D42" s="10" t="s">
        <v>44</v>
      </c>
      <c r="E42" s="32">
        <v>159</v>
      </c>
      <c r="F42" s="11" t="s">
        <v>41</v>
      </c>
      <c r="G42" s="12">
        <v>48783</v>
      </c>
      <c r="H42" s="1" t="s">
        <v>45</v>
      </c>
      <c r="I42" s="27">
        <v>5021001014313</v>
      </c>
      <c r="J42" s="13">
        <v>43728</v>
      </c>
    </row>
    <row r="43" spans="1:11" ht="28.5" customHeight="1" x14ac:dyDescent="0.15">
      <c r="A43" s="8" t="s">
        <v>23</v>
      </c>
      <c r="B43" s="9" t="s">
        <v>24</v>
      </c>
      <c r="C43" s="10" t="s">
        <v>43</v>
      </c>
      <c r="D43" s="10" t="s">
        <v>44</v>
      </c>
      <c r="E43" s="32">
        <v>172</v>
      </c>
      <c r="F43" s="11" t="s">
        <v>351</v>
      </c>
      <c r="G43" s="12">
        <v>8426</v>
      </c>
      <c r="H43" s="1" t="s">
        <v>352</v>
      </c>
      <c r="I43" s="27" t="s">
        <v>39</v>
      </c>
      <c r="J43" s="13">
        <v>43738</v>
      </c>
    </row>
    <row r="44" spans="1:11" ht="28.5" customHeight="1" x14ac:dyDescent="0.15">
      <c r="A44" s="8" t="s">
        <v>23</v>
      </c>
      <c r="B44" s="9" t="s">
        <v>24</v>
      </c>
      <c r="C44" s="10" t="s">
        <v>43</v>
      </c>
      <c r="D44" s="10" t="s">
        <v>36</v>
      </c>
      <c r="E44" s="32">
        <v>104</v>
      </c>
      <c r="F44" s="11" t="s">
        <v>438</v>
      </c>
      <c r="G44" s="12">
        <v>40068</v>
      </c>
      <c r="H44" s="1" t="s">
        <v>158</v>
      </c>
      <c r="I44" s="27">
        <v>5021001016219</v>
      </c>
      <c r="J44" s="13">
        <v>43655</v>
      </c>
    </row>
    <row r="45" spans="1:11" ht="28.5" customHeight="1" x14ac:dyDescent="0.15">
      <c r="A45" s="8" t="s">
        <v>23</v>
      </c>
      <c r="B45" s="9" t="s">
        <v>24</v>
      </c>
      <c r="C45" s="10" t="s">
        <v>43</v>
      </c>
      <c r="D45" s="10" t="s">
        <v>36</v>
      </c>
      <c r="E45" s="33">
        <v>110</v>
      </c>
      <c r="F45" s="11" t="s">
        <v>418</v>
      </c>
      <c r="G45" s="12">
        <v>38880</v>
      </c>
      <c r="H45" s="1" t="s">
        <v>417</v>
      </c>
      <c r="I45" s="27">
        <v>5290801002046</v>
      </c>
      <c r="J45" s="13">
        <v>43663</v>
      </c>
      <c r="K45" s="14"/>
    </row>
    <row r="46" spans="1:11" ht="28.5" customHeight="1" x14ac:dyDescent="0.15">
      <c r="A46" s="8" t="s">
        <v>23</v>
      </c>
      <c r="B46" s="9" t="s">
        <v>24</v>
      </c>
      <c r="C46" s="10" t="s">
        <v>43</v>
      </c>
      <c r="D46" s="10" t="s">
        <v>36</v>
      </c>
      <c r="E46" s="32">
        <v>112</v>
      </c>
      <c r="F46" s="11" t="s">
        <v>369</v>
      </c>
      <c r="G46" s="12">
        <v>38232</v>
      </c>
      <c r="H46" s="1" t="s">
        <v>38</v>
      </c>
      <c r="I46" s="27" t="s">
        <v>39</v>
      </c>
      <c r="J46" s="13">
        <v>43668</v>
      </c>
      <c r="K46" s="14"/>
    </row>
    <row r="47" spans="1:11" ht="28.5" customHeight="1" x14ac:dyDescent="0.15">
      <c r="A47" s="8" t="s">
        <v>23</v>
      </c>
      <c r="B47" s="9" t="s">
        <v>24</v>
      </c>
      <c r="C47" s="10" t="s">
        <v>43</v>
      </c>
      <c r="D47" s="10" t="s">
        <v>36</v>
      </c>
      <c r="E47" s="32">
        <v>117</v>
      </c>
      <c r="F47" s="11" t="s">
        <v>435</v>
      </c>
      <c r="G47" s="12">
        <v>9720</v>
      </c>
      <c r="H47" s="1" t="s">
        <v>436</v>
      </c>
      <c r="I47" s="27">
        <v>1021002029009</v>
      </c>
      <c r="J47" s="13">
        <v>43676</v>
      </c>
      <c r="K47" s="14"/>
    </row>
    <row r="48" spans="1:11" ht="28.5" customHeight="1" x14ac:dyDescent="0.15">
      <c r="A48" s="8" t="s">
        <v>23</v>
      </c>
      <c r="B48" s="9" t="s">
        <v>24</v>
      </c>
      <c r="C48" s="10" t="s">
        <v>43</v>
      </c>
      <c r="D48" s="10" t="s">
        <v>36</v>
      </c>
      <c r="E48" s="32">
        <v>123</v>
      </c>
      <c r="F48" s="11" t="s">
        <v>353</v>
      </c>
      <c r="G48" s="12">
        <v>32713</v>
      </c>
      <c r="H48" s="1" t="s">
        <v>354</v>
      </c>
      <c r="I48" s="27">
        <v>6021002029219</v>
      </c>
      <c r="J48" s="13">
        <v>43686</v>
      </c>
      <c r="K48" s="14"/>
    </row>
    <row r="49" spans="1:11" ht="28.5" customHeight="1" x14ac:dyDescent="0.15">
      <c r="A49" s="8" t="s">
        <v>23</v>
      </c>
      <c r="B49" s="9" t="s">
        <v>24</v>
      </c>
      <c r="C49" s="10" t="s">
        <v>43</v>
      </c>
      <c r="D49" s="10" t="s">
        <v>36</v>
      </c>
      <c r="E49" s="32">
        <v>126</v>
      </c>
      <c r="F49" s="11" t="s">
        <v>37</v>
      </c>
      <c r="G49" s="12">
        <v>32955</v>
      </c>
      <c r="H49" s="1" t="s">
        <v>38</v>
      </c>
      <c r="I49" s="27" t="s">
        <v>39</v>
      </c>
      <c r="J49" s="13">
        <v>43711</v>
      </c>
      <c r="K49" s="14"/>
    </row>
    <row r="50" spans="1:11" ht="28.5" customHeight="1" x14ac:dyDescent="0.15">
      <c r="A50" s="8" t="s">
        <v>23</v>
      </c>
      <c r="B50" s="9" t="s">
        <v>24</v>
      </c>
      <c r="C50" s="10" t="s">
        <v>43</v>
      </c>
      <c r="D50" s="10" t="s">
        <v>36</v>
      </c>
      <c r="E50" s="32">
        <v>127</v>
      </c>
      <c r="F50" s="11" t="s">
        <v>258</v>
      </c>
      <c r="G50" s="12">
        <v>14968</v>
      </c>
      <c r="H50" s="1" t="s">
        <v>154</v>
      </c>
      <c r="I50" s="27">
        <v>2021001016122</v>
      </c>
      <c r="J50" s="13">
        <v>43714</v>
      </c>
      <c r="K50" s="14"/>
    </row>
    <row r="51" spans="1:11" ht="28.5" customHeight="1" x14ac:dyDescent="0.15">
      <c r="A51" s="8" t="s">
        <v>23</v>
      </c>
      <c r="B51" s="9" t="s">
        <v>24</v>
      </c>
      <c r="C51" s="10" t="s">
        <v>43</v>
      </c>
      <c r="D51" s="10" t="s">
        <v>36</v>
      </c>
      <c r="E51" s="32">
        <v>128</v>
      </c>
      <c r="F51" s="11" t="s">
        <v>257</v>
      </c>
      <c r="G51" s="12">
        <v>28944</v>
      </c>
      <c r="H51" s="1" t="s">
        <v>85</v>
      </c>
      <c r="I51" s="27">
        <v>5021002029186</v>
      </c>
      <c r="J51" s="13">
        <v>43714</v>
      </c>
      <c r="K51" s="14"/>
    </row>
    <row r="52" spans="1:11" ht="28.5" customHeight="1" x14ac:dyDescent="0.15">
      <c r="A52" s="8" t="s">
        <v>23</v>
      </c>
      <c r="B52" s="9" t="s">
        <v>24</v>
      </c>
      <c r="C52" s="10" t="s">
        <v>43</v>
      </c>
      <c r="D52" s="10" t="s">
        <v>36</v>
      </c>
      <c r="E52" s="32">
        <v>130</v>
      </c>
      <c r="F52" s="11" t="s">
        <v>355</v>
      </c>
      <c r="G52" s="12">
        <v>12936</v>
      </c>
      <c r="H52" s="1" t="s">
        <v>356</v>
      </c>
      <c r="I52" s="27">
        <v>3070001006474</v>
      </c>
      <c r="J52" s="13">
        <v>43714</v>
      </c>
      <c r="K52" s="14"/>
    </row>
    <row r="53" spans="1:11" ht="28.5" customHeight="1" x14ac:dyDescent="0.15">
      <c r="A53" s="8" t="s">
        <v>23</v>
      </c>
      <c r="B53" s="9" t="s">
        <v>24</v>
      </c>
      <c r="C53" s="10" t="s">
        <v>43</v>
      </c>
      <c r="D53" s="10" t="s">
        <v>185</v>
      </c>
      <c r="E53" s="32">
        <v>187</v>
      </c>
      <c r="F53" s="11" t="s">
        <v>186</v>
      </c>
      <c r="G53" s="12">
        <v>48826</v>
      </c>
      <c r="H53" s="1" t="s">
        <v>187</v>
      </c>
      <c r="I53" s="27">
        <v>7020001024114</v>
      </c>
      <c r="J53" s="13">
        <v>43655</v>
      </c>
    </row>
    <row r="54" spans="1:11" ht="28.5" customHeight="1" x14ac:dyDescent="0.15">
      <c r="A54" s="8" t="s">
        <v>23</v>
      </c>
      <c r="B54" s="9" t="s">
        <v>24</v>
      </c>
      <c r="C54" s="10" t="s">
        <v>43</v>
      </c>
      <c r="D54" s="10" t="s">
        <v>185</v>
      </c>
      <c r="E54" s="32">
        <v>192</v>
      </c>
      <c r="F54" s="11" t="s">
        <v>259</v>
      </c>
      <c r="G54" s="12">
        <v>36703</v>
      </c>
      <c r="H54" s="1" t="s">
        <v>260</v>
      </c>
      <c r="I54" s="27">
        <v>3120101003135</v>
      </c>
      <c r="J54" s="13">
        <v>43656</v>
      </c>
    </row>
    <row r="55" spans="1:11" ht="28.5" customHeight="1" x14ac:dyDescent="0.15">
      <c r="A55" s="8" t="s">
        <v>23</v>
      </c>
      <c r="B55" s="9" t="s">
        <v>24</v>
      </c>
      <c r="C55" s="10" t="s">
        <v>43</v>
      </c>
      <c r="D55" s="10" t="s">
        <v>185</v>
      </c>
      <c r="E55" s="32">
        <v>193</v>
      </c>
      <c r="F55" s="11" t="s">
        <v>277</v>
      </c>
      <c r="G55" s="12">
        <v>89208</v>
      </c>
      <c r="H55" s="1" t="s">
        <v>120</v>
      </c>
      <c r="I55" s="27">
        <v>5430001028059</v>
      </c>
      <c r="J55" s="13">
        <v>43656</v>
      </c>
    </row>
    <row r="56" spans="1:11" ht="28.5" customHeight="1" x14ac:dyDescent="0.15">
      <c r="A56" s="8" t="s">
        <v>23</v>
      </c>
      <c r="B56" s="9" t="s">
        <v>24</v>
      </c>
      <c r="C56" s="10" t="s">
        <v>43</v>
      </c>
      <c r="D56" s="10" t="s">
        <v>185</v>
      </c>
      <c r="E56" s="32">
        <v>200</v>
      </c>
      <c r="F56" s="11" t="s">
        <v>215</v>
      </c>
      <c r="G56" s="12">
        <v>48696</v>
      </c>
      <c r="H56" s="1" t="s">
        <v>187</v>
      </c>
      <c r="I56" s="27">
        <v>7020001024114</v>
      </c>
      <c r="J56" s="13">
        <v>43664</v>
      </c>
    </row>
    <row r="57" spans="1:11" ht="28.5" customHeight="1" x14ac:dyDescent="0.15">
      <c r="A57" s="8" t="s">
        <v>23</v>
      </c>
      <c r="B57" s="9" t="s">
        <v>24</v>
      </c>
      <c r="C57" s="10" t="s">
        <v>43</v>
      </c>
      <c r="D57" s="10" t="s">
        <v>185</v>
      </c>
      <c r="E57" s="32">
        <v>208</v>
      </c>
      <c r="F57" s="11" t="s">
        <v>276</v>
      </c>
      <c r="G57" s="12">
        <v>94608</v>
      </c>
      <c r="H57" s="1" t="s">
        <v>32</v>
      </c>
      <c r="I57" s="27">
        <v>9180001016399</v>
      </c>
      <c r="J57" s="13">
        <v>43676</v>
      </c>
    </row>
    <row r="58" spans="1:11" ht="28.5" customHeight="1" x14ac:dyDescent="0.15">
      <c r="A58" s="8" t="s">
        <v>23</v>
      </c>
      <c r="B58" s="9" t="s">
        <v>24</v>
      </c>
      <c r="C58" s="10" t="s">
        <v>43</v>
      </c>
      <c r="D58" s="10" t="s">
        <v>185</v>
      </c>
      <c r="E58" s="32">
        <v>213</v>
      </c>
      <c r="F58" s="11" t="s">
        <v>262</v>
      </c>
      <c r="G58" s="12">
        <v>22565</v>
      </c>
      <c r="H58" s="1" t="s">
        <v>187</v>
      </c>
      <c r="I58" s="27">
        <v>7020001024114</v>
      </c>
      <c r="J58" s="13">
        <v>43677</v>
      </c>
    </row>
    <row r="59" spans="1:11" ht="28.5" customHeight="1" x14ac:dyDescent="0.15">
      <c r="A59" s="8" t="s">
        <v>23</v>
      </c>
      <c r="B59" s="9" t="s">
        <v>24</v>
      </c>
      <c r="C59" s="10" t="s">
        <v>43</v>
      </c>
      <c r="D59" s="10" t="s">
        <v>185</v>
      </c>
      <c r="E59" s="32">
        <v>218</v>
      </c>
      <c r="F59" s="11" t="s">
        <v>294</v>
      </c>
      <c r="G59" s="12">
        <v>5410</v>
      </c>
      <c r="H59" s="1" t="s">
        <v>295</v>
      </c>
      <c r="I59" s="27" t="s">
        <v>39</v>
      </c>
      <c r="J59" s="13">
        <v>43679</v>
      </c>
    </row>
    <row r="60" spans="1:11" ht="28.5" customHeight="1" x14ac:dyDescent="0.15">
      <c r="A60" s="8" t="s">
        <v>23</v>
      </c>
      <c r="B60" s="9" t="s">
        <v>24</v>
      </c>
      <c r="C60" s="10" t="s">
        <v>43</v>
      </c>
      <c r="D60" s="10" t="s">
        <v>185</v>
      </c>
      <c r="E60" s="32">
        <v>219</v>
      </c>
      <c r="F60" s="11" t="s">
        <v>195</v>
      </c>
      <c r="G60" s="12">
        <v>49896</v>
      </c>
      <c r="H60" s="1" t="s">
        <v>187</v>
      </c>
      <c r="I60" s="27">
        <v>7020001024114</v>
      </c>
      <c r="J60" s="13">
        <v>43679</v>
      </c>
    </row>
    <row r="61" spans="1:11" ht="28.5" customHeight="1" x14ac:dyDescent="0.15">
      <c r="A61" s="8" t="s">
        <v>23</v>
      </c>
      <c r="B61" s="9" t="s">
        <v>24</v>
      </c>
      <c r="C61" s="10" t="s">
        <v>43</v>
      </c>
      <c r="D61" s="10" t="s">
        <v>185</v>
      </c>
      <c r="E61" s="32">
        <v>228</v>
      </c>
      <c r="F61" s="11" t="s">
        <v>190</v>
      </c>
      <c r="G61" s="12">
        <v>42067</v>
      </c>
      <c r="H61" s="1" t="s">
        <v>187</v>
      </c>
      <c r="I61" s="27">
        <v>7020001024114</v>
      </c>
      <c r="J61" s="13">
        <v>43699</v>
      </c>
    </row>
    <row r="62" spans="1:11" ht="28.5" customHeight="1" x14ac:dyDescent="0.15">
      <c r="A62" s="8" t="s">
        <v>23</v>
      </c>
      <c r="B62" s="9" t="s">
        <v>24</v>
      </c>
      <c r="C62" s="10" t="s">
        <v>43</v>
      </c>
      <c r="D62" s="10" t="s">
        <v>185</v>
      </c>
      <c r="E62" s="32">
        <v>231</v>
      </c>
      <c r="F62" s="11" t="s">
        <v>261</v>
      </c>
      <c r="G62" s="12">
        <v>70156</v>
      </c>
      <c r="H62" s="1" t="s">
        <v>120</v>
      </c>
      <c r="I62" s="27">
        <v>5430001028059</v>
      </c>
      <c r="J62" s="13">
        <v>43703</v>
      </c>
    </row>
    <row r="63" spans="1:11" ht="28.5" customHeight="1" x14ac:dyDescent="0.15">
      <c r="A63" s="8" t="s">
        <v>23</v>
      </c>
      <c r="B63" s="9" t="s">
        <v>24</v>
      </c>
      <c r="C63" s="10" t="s">
        <v>43</v>
      </c>
      <c r="D63" s="10" t="s">
        <v>185</v>
      </c>
      <c r="E63" s="32">
        <v>232</v>
      </c>
      <c r="F63" s="11" t="s">
        <v>274</v>
      </c>
      <c r="G63" s="12">
        <v>46170</v>
      </c>
      <c r="H63" s="1" t="s">
        <v>47</v>
      </c>
      <c r="I63" s="27">
        <v>9013401005070</v>
      </c>
      <c r="J63" s="13">
        <v>43703</v>
      </c>
    </row>
    <row r="64" spans="1:11" ht="28.5" customHeight="1" x14ac:dyDescent="0.15">
      <c r="A64" s="8" t="s">
        <v>23</v>
      </c>
      <c r="B64" s="9" t="s">
        <v>24</v>
      </c>
      <c r="C64" s="10" t="s">
        <v>43</v>
      </c>
      <c r="D64" s="10" t="s">
        <v>185</v>
      </c>
      <c r="E64" s="32">
        <v>239</v>
      </c>
      <c r="F64" s="11" t="s">
        <v>268</v>
      </c>
      <c r="G64" s="12">
        <v>33588</v>
      </c>
      <c r="H64" s="1" t="s">
        <v>269</v>
      </c>
      <c r="I64" s="27">
        <v>8013201005478</v>
      </c>
      <c r="J64" s="13">
        <v>43714</v>
      </c>
    </row>
    <row r="65" spans="1:10" ht="28.5" customHeight="1" x14ac:dyDescent="0.15">
      <c r="A65" s="8" t="s">
        <v>23</v>
      </c>
      <c r="B65" s="9" t="s">
        <v>24</v>
      </c>
      <c r="C65" s="10" t="s">
        <v>43</v>
      </c>
      <c r="D65" s="10" t="s">
        <v>185</v>
      </c>
      <c r="E65" s="32">
        <v>242</v>
      </c>
      <c r="F65" s="11" t="s">
        <v>275</v>
      </c>
      <c r="G65" s="12">
        <v>2963</v>
      </c>
      <c r="H65" s="1" t="s">
        <v>260</v>
      </c>
      <c r="I65" s="27">
        <v>3120101003135</v>
      </c>
      <c r="J65" s="13">
        <v>43725</v>
      </c>
    </row>
    <row r="66" spans="1:10" ht="28.5" customHeight="1" x14ac:dyDescent="0.15">
      <c r="A66" s="8" t="s">
        <v>23</v>
      </c>
      <c r="B66" s="9" t="s">
        <v>24</v>
      </c>
      <c r="C66" s="10" t="s">
        <v>43</v>
      </c>
      <c r="D66" s="10" t="s">
        <v>185</v>
      </c>
      <c r="E66" s="32">
        <v>243</v>
      </c>
      <c r="F66" s="11" t="s">
        <v>195</v>
      </c>
      <c r="G66" s="12">
        <v>48470</v>
      </c>
      <c r="H66" s="1" t="s">
        <v>187</v>
      </c>
      <c r="I66" s="27">
        <v>7020001024114</v>
      </c>
      <c r="J66" s="13">
        <v>43726</v>
      </c>
    </row>
    <row r="67" spans="1:10" ht="28.5" customHeight="1" x14ac:dyDescent="0.15">
      <c r="A67" s="8" t="s">
        <v>23</v>
      </c>
      <c r="B67" s="9" t="s">
        <v>24</v>
      </c>
      <c r="C67" s="10" t="s">
        <v>43</v>
      </c>
      <c r="D67" s="10" t="s">
        <v>40</v>
      </c>
      <c r="E67" s="32">
        <v>181</v>
      </c>
      <c r="F67" s="11" t="s">
        <v>52</v>
      </c>
      <c r="G67" s="12">
        <v>23884</v>
      </c>
      <c r="H67" s="1" t="s">
        <v>53</v>
      </c>
      <c r="I67" s="27" t="s">
        <v>39</v>
      </c>
      <c r="J67" s="13">
        <v>43649</v>
      </c>
    </row>
    <row r="68" spans="1:10" ht="28.5" customHeight="1" x14ac:dyDescent="0.15">
      <c r="A68" s="8" t="s">
        <v>23</v>
      </c>
      <c r="B68" s="9" t="s">
        <v>24</v>
      </c>
      <c r="C68" s="10" t="s">
        <v>43</v>
      </c>
      <c r="D68" s="10" t="s">
        <v>40</v>
      </c>
      <c r="E68" s="32">
        <v>187</v>
      </c>
      <c r="F68" s="11" t="s">
        <v>285</v>
      </c>
      <c r="G68" s="12">
        <v>49379</v>
      </c>
      <c r="H68" s="1" t="s">
        <v>260</v>
      </c>
      <c r="I68" s="27">
        <v>3120101003135</v>
      </c>
      <c r="J68" s="13">
        <v>43654</v>
      </c>
    </row>
    <row r="69" spans="1:10" ht="28.5" customHeight="1" x14ac:dyDescent="0.15">
      <c r="A69" s="8" t="s">
        <v>23</v>
      </c>
      <c r="B69" s="9" t="s">
        <v>24</v>
      </c>
      <c r="C69" s="10" t="s">
        <v>43</v>
      </c>
      <c r="D69" s="10" t="s">
        <v>40</v>
      </c>
      <c r="E69" s="32">
        <v>189</v>
      </c>
      <c r="F69" s="11" t="s">
        <v>49</v>
      </c>
      <c r="G69" s="12">
        <v>21101</v>
      </c>
      <c r="H69" s="1" t="s">
        <v>50</v>
      </c>
      <c r="I69" s="27">
        <v>5021001001666</v>
      </c>
      <c r="J69" s="13">
        <v>43655</v>
      </c>
    </row>
    <row r="70" spans="1:10" ht="28.5" customHeight="1" x14ac:dyDescent="0.15">
      <c r="A70" s="8" t="s">
        <v>23</v>
      </c>
      <c r="B70" s="9" t="s">
        <v>24</v>
      </c>
      <c r="C70" s="10" t="s">
        <v>43</v>
      </c>
      <c r="D70" s="10" t="s">
        <v>40</v>
      </c>
      <c r="E70" s="32">
        <v>198</v>
      </c>
      <c r="F70" s="11" t="s">
        <v>51</v>
      </c>
      <c r="G70" s="12">
        <v>77220</v>
      </c>
      <c r="H70" s="1" t="s">
        <v>42</v>
      </c>
      <c r="I70" s="27">
        <v>4021001036944</v>
      </c>
      <c r="J70" s="13">
        <v>43658</v>
      </c>
    </row>
    <row r="71" spans="1:10" ht="28.5" customHeight="1" x14ac:dyDescent="0.15">
      <c r="A71" s="8" t="s">
        <v>23</v>
      </c>
      <c r="B71" s="9" t="s">
        <v>24</v>
      </c>
      <c r="C71" s="10" t="s">
        <v>43</v>
      </c>
      <c r="D71" s="10" t="s">
        <v>40</v>
      </c>
      <c r="E71" s="32">
        <v>214</v>
      </c>
      <c r="F71" s="11" t="s">
        <v>259</v>
      </c>
      <c r="G71" s="12">
        <v>75414</v>
      </c>
      <c r="H71" s="1" t="s">
        <v>187</v>
      </c>
      <c r="I71" s="27">
        <v>7020001024114</v>
      </c>
      <c r="J71" s="13">
        <v>43676</v>
      </c>
    </row>
    <row r="72" spans="1:10" ht="28.5" customHeight="1" x14ac:dyDescent="0.15">
      <c r="A72" s="8" t="s">
        <v>23</v>
      </c>
      <c r="B72" s="9" t="s">
        <v>24</v>
      </c>
      <c r="C72" s="10" t="s">
        <v>43</v>
      </c>
      <c r="D72" s="10" t="s">
        <v>40</v>
      </c>
      <c r="E72" s="32">
        <v>219</v>
      </c>
      <c r="F72" s="11" t="s">
        <v>271</v>
      </c>
      <c r="G72" s="12">
        <v>28123</v>
      </c>
      <c r="H72" s="1" t="s">
        <v>118</v>
      </c>
      <c r="I72" s="27">
        <v>2020001021339</v>
      </c>
      <c r="J72" s="13">
        <v>43699</v>
      </c>
    </row>
    <row r="73" spans="1:10" ht="28.5" customHeight="1" x14ac:dyDescent="0.15">
      <c r="A73" s="8" t="s">
        <v>23</v>
      </c>
      <c r="B73" s="9" t="s">
        <v>24</v>
      </c>
      <c r="C73" s="10" t="s">
        <v>43</v>
      </c>
      <c r="D73" s="10" t="s">
        <v>40</v>
      </c>
      <c r="E73" s="32">
        <v>220</v>
      </c>
      <c r="F73" s="11" t="s">
        <v>46</v>
      </c>
      <c r="G73" s="12">
        <v>46170</v>
      </c>
      <c r="H73" s="1" t="s">
        <v>47</v>
      </c>
      <c r="I73" s="27">
        <v>9013401005070</v>
      </c>
      <c r="J73" s="13">
        <v>43700</v>
      </c>
    </row>
    <row r="74" spans="1:10" ht="28.5" customHeight="1" x14ac:dyDescent="0.15">
      <c r="A74" s="8" t="s">
        <v>23</v>
      </c>
      <c r="B74" s="9" t="s">
        <v>24</v>
      </c>
      <c r="C74" s="10" t="s">
        <v>43</v>
      </c>
      <c r="D74" s="10" t="s">
        <v>40</v>
      </c>
      <c r="E74" s="32">
        <v>222</v>
      </c>
      <c r="F74" s="11" t="s">
        <v>41</v>
      </c>
      <c r="G74" s="12">
        <v>50220</v>
      </c>
      <c r="H74" s="1" t="s">
        <v>42</v>
      </c>
      <c r="I74" s="27">
        <v>4021001036944</v>
      </c>
      <c r="J74" s="13">
        <v>43700</v>
      </c>
    </row>
    <row r="75" spans="1:10" ht="28.5" customHeight="1" x14ac:dyDescent="0.15">
      <c r="A75" s="8" t="s">
        <v>23</v>
      </c>
      <c r="B75" s="9" t="s">
        <v>24</v>
      </c>
      <c r="C75" s="10" t="s">
        <v>43</v>
      </c>
      <c r="D75" s="10" t="s">
        <v>40</v>
      </c>
      <c r="E75" s="32">
        <v>225</v>
      </c>
      <c r="F75" s="11" t="s">
        <v>292</v>
      </c>
      <c r="G75" s="12">
        <v>37134</v>
      </c>
      <c r="H75" s="1" t="s">
        <v>293</v>
      </c>
      <c r="I75" s="27">
        <v>5020001015536</v>
      </c>
      <c r="J75" s="13">
        <v>43704</v>
      </c>
    </row>
    <row r="76" spans="1:10" ht="28.5" customHeight="1" x14ac:dyDescent="0.15">
      <c r="A76" s="8" t="s">
        <v>23</v>
      </c>
      <c r="B76" s="9" t="s">
        <v>24</v>
      </c>
      <c r="C76" s="10" t="s">
        <v>43</v>
      </c>
      <c r="D76" s="10" t="s">
        <v>40</v>
      </c>
      <c r="E76" s="32">
        <v>252</v>
      </c>
      <c r="F76" s="11" t="s">
        <v>52</v>
      </c>
      <c r="G76" s="12">
        <v>43774</v>
      </c>
      <c r="H76" s="1" t="s">
        <v>53</v>
      </c>
      <c r="I76" s="27" t="s">
        <v>39</v>
      </c>
      <c r="J76" s="13">
        <v>43725</v>
      </c>
    </row>
    <row r="77" spans="1:10" ht="28.5" customHeight="1" x14ac:dyDescent="0.15">
      <c r="A77" s="8" t="s">
        <v>23</v>
      </c>
      <c r="B77" s="9" t="s">
        <v>24</v>
      </c>
      <c r="C77" s="10" t="s">
        <v>43</v>
      </c>
      <c r="D77" s="10" t="s">
        <v>40</v>
      </c>
      <c r="E77" s="32">
        <v>260</v>
      </c>
      <c r="F77" s="11" t="s">
        <v>54</v>
      </c>
      <c r="G77" s="12">
        <v>31350</v>
      </c>
      <c r="H77" s="1" t="s">
        <v>50</v>
      </c>
      <c r="I77" s="27">
        <v>5021001001666</v>
      </c>
      <c r="J77" s="13">
        <v>43733</v>
      </c>
    </row>
    <row r="78" spans="1:10" ht="28.5" customHeight="1" x14ac:dyDescent="0.15">
      <c r="A78" s="8" t="s">
        <v>23</v>
      </c>
      <c r="B78" s="9" t="s">
        <v>24</v>
      </c>
      <c r="C78" s="10" t="s">
        <v>43</v>
      </c>
      <c r="D78" s="10" t="s">
        <v>40</v>
      </c>
      <c r="E78" s="32">
        <v>263</v>
      </c>
      <c r="F78" s="11" t="s">
        <v>48</v>
      </c>
      <c r="G78" s="12">
        <v>85250</v>
      </c>
      <c r="H78" s="1" t="s">
        <v>32</v>
      </c>
      <c r="I78" s="27">
        <v>9180001016399</v>
      </c>
      <c r="J78" s="13">
        <v>43735</v>
      </c>
    </row>
    <row r="79" spans="1:10" ht="28.5" customHeight="1" x14ac:dyDescent="0.15">
      <c r="A79" s="8" t="s">
        <v>23</v>
      </c>
      <c r="B79" s="9" t="s">
        <v>24</v>
      </c>
      <c r="C79" s="10" t="s">
        <v>43</v>
      </c>
      <c r="D79" s="10" t="s">
        <v>223</v>
      </c>
      <c r="E79" s="32">
        <v>118</v>
      </c>
      <c r="F79" s="11" t="s">
        <v>340</v>
      </c>
      <c r="G79" s="12">
        <v>44064</v>
      </c>
      <c r="H79" s="1" t="s">
        <v>252</v>
      </c>
      <c r="I79" s="27">
        <v>5080001000689</v>
      </c>
      <c r="J79" s="13">
        <v>43650</v>
      </c>
    </row>
    <row r="80" spans="1:10" ht="28.5" customHeight="1" x14ac:dyDescent="0.15">
      <c r="A80" s="8" t="s">
        <v>23</v>
      </c>
      <c r="B80" s="9" t="s">
        <v>24</v>
      </c>
      <c r="C80" s="10" t="s">
        <v>43</v>
      </c>
      <c r="D80" s="10" t="s">
        <v>223</v>
      </c>
      <c r="E80" s="32">
        <v>123</v>
      </c>
      <c r="F80" s="11" t="s">
        <v>229</v>
      </c>
      <c r="G80" s="12">
        <v>39914</v>
      </c>
      <c r="H80" s="1" t="s">
        <v>225</v>
      </c>
      <c r="I80" s="27">
        <v>3021002012598</v>
      </c>
      <c r="J80" s="13">
        <v>43657</v>
      </c>
    </row>
    <row r="81" spans="1:10" ht="28.5" customHeight="1" x14ac:dyDescent="0.15">
      <c r="A81" s="8" t="s">
        <v>23</v>
      </c>
      <c r="B81" s="9" t="s">
        <v>24</v>
      </c>
      <c r="C81" s="10" t="s">
        <v>43</v>
      </c>
      <c r="D81" s="10" t="s">
        <v>223</v>
      </c>
      <c r="E81" s="32">
        <v>128</v>
      </c>
      <c r="F81" s="11" t="s">
        <v>232</v>
      </c>
      <c r="G81" s="12">
        <v>36305</v>
      </c>
      <c r="H81" s="1" t="s">
        <v>225</v>
      </c>
      <c r="I81" s="27">
        <v>3021002012598</v>
      </c>
      <c r="J81" s="13">
        <v>43668</v>
      </c>
    </row>
    <row r="82" spans="1:10" ht="28.5" customHeight="1" x14ac:dyDescent="0.15">
      <c r="A82" s="8" t="s">
        <v>23</v>
      </c>
      <c r="B82" s="9" t="s">
        <v>24</v>
      </c>
      <c r="C82" s="10" t="s">
        <v>43</v>
      </c>
      <c r="D82" s="10" t="s">
        <v>223</v>
      </c>
      <c r="E82" s="32">
        <v>129</v>
      </c>
      <c r="F82" s="11" t="s">
        <v>323</v>
      </c>
      <c r="G82" s="12">
        <v>19464</v>
      </c>
      <c r="H82" s="1" t="s">
        <v>312</v>
      </c>
      <c r="I82" s="27">
        <v>5040001033651</v>
      </c>
      <c r="J82" s="13">
        <v>43668</v>
      </c>
    </row>
    <row r="83" spans="1:10" ht="28.5" customHeight="1" x14ac:dyDescent="0.15">
      <c r="A83" s="8" t="s">
        <v>23</v>
      </c>
      <c r="B83" s="9" t="s">
        <v>24</v>
      </c>
      <c r="C83" s="10" t="s">
        <v>43</v>
      </c>
      <c r="D83" s="10" t="s">
        <v>223</v>
      </c>
      <c r="E83" s="32">
        <v>130</v>
      </c>
      <c r="F83" s="11" t="s">
        <v>226</v>
      </c>
      <c r="G83" s="12">
        <v>26730</v>
      </c>
      <c r="H83" s="1" t="s">
        <v>227</v>
      </c>
      <c r="I83" s="27">
        <v>4021002010477</v>
      </c>
      <c r="J83" s="13">
        <v>43669</v>
      </c>
    </row>
    <row r="84" spans="1:10" ht="28.5" customHeight="1" x14ac:dyDescent="0.15">
      <c r="A84" s="8" t="s">
        <v>23</v>
      </c>
      <c r="B84" s="9" t="s">
        <v>24</v>
      </c>
      <c r="C84" s="10" t="s">
        <v>43</v>
      </c>
      <c r="D84" s="10" t="s">
        <v>223</v>
      </c>
      <c r="E84" s="32">
        <v>134</v>
      </c>
      <c r="F84" s="11" t="s">
        <v>343</v>
      </c>
      <c r="G84" s="12">
        <v>13360</v>
      </c>
      <c r="H84" s="1" t="s">
        <v>240</v>
      </c>
      <c r="I84" s="27">
        <v>4020001020818</v>
      </c>
      <c r="J84" s="13">
        <v>43672</v>
      </c>
    </row>
    <row r="85" spans="1:10" ht="28.5" customHeight="1" x14ac:dyDescent="0.15">
      <c r="A85" s="8" t="s">
        <v>23</v>
      </c>
      <c r="B85" s="9" t="s">
        <v>24</v>
      </c>
      <c r="C85" s="10" t="s">
        <v>43</v>
      </c>
      <c r="D85" s="10" t="s">
        <v>223</v>
      </c>
      <c r="E85" s="32">
        <v>143</v>
      </c>
      <c r="F85" s="11" t="s">
        <v>341</v>
      </c>
      <c r="G85" s="12">
        <v>16200</v>
      </c>
      <c r="H85" s="1" t="s">
        <v>252</v>
      </c>
      <c r="I85" s="28">
        <v>5080001000689</v>
      </c>
      <c r="J85" s="13">
        <v>43683</v>
      </c>
    </row>
    <row r="86" spans="1:10" ht="28.5" customHeight="1" x14ac:dyDescent="0.15">
      <c r="A86" s="8" t="s">
        <v>23</v>
      </c>
      <c r="B86" s="9" t="s">
        <v>24</v>
      </c>
      <c r="C86" s="10" t="s">
        <v>43</v>
      </c>
      <c r="D86" s="10" t="s">
        <v>223</v>
      </c>
      <c r="E86" s="32">
        <v>144</v>
      </c>
      <c r="F86" s="11" t="s">
        <v>324</v>
      </c>
      <c r="G86" s="12">
        <v>16200</v>
      </c>
      <c r="H86" s="1" t="s">
        <v>118</v>
      </c>
      <c r="I86" s="28">
        <v>2020001021339</v>
      </c>
      <c r="J86" s="13">
        <v>43683</v>
      </c>
    </row>
    <row r="87" spans="1:10" ht="28.5" customHeight="1" x14ac:dyDescent="0.15">
      <c r="A87" s="8" t="s">
        <v>23</v>
      </c>
      <c r="B87" s="9" t="s">
        <v>24</v>
      </c>
      <c r="C87" s="10" t="s">
        <v>43</v>
      </c>
      <c r="D87" s="10" t="s">
        <v>223</v>
      </c>
      <c r="E87" s="32">
        <v>147</v>
      </c>
      <c r="F87" s="11" t="s">
        <v>326</v>
      </c>
      <c r="G87" s="12">
        <v>38880</v>
      </c>
      <c r="H87" s="1" t="s">
        <v>327</v>
      </c>
      <c r="I87" s="28">
        <v>9010401030487</v>
      </c>
      <c r="J87" s="13">
        <v>43690</v>
      </c>
    </row>
    <row r="88" spans="1:10" ht="28.5" customHeight="1" x14ac:dyDescent="0.15">
      <c r="A88" s="8" t="s">
        <v>23</v>
      </c>
      <c r="B88" s="9" t="s">
        <v>24</v>
      </c>
      <c r="C88" s="10" t="s">
        <v>43</v>
      </c>
      <c r="D88" s="10" t="s">
        <v>223</v>
      </c>
      <c r="E88" s="32">
        <v>150</v>
      </c>
      <c r="F88" s="11" t="s">
        <v>233</v>
      </c>
      <c r="G88" s="12">
        <v>11344</v>
      </c>
      <c r="H88" s="1" t="s">
        <v>234</v>
      </c>
      <c r="I88" s="28">
        <v>3120101003135</v>
      </c>
      <c r="J88" s="13">
        <v>43693</v>
      </c>
    </row>
    <row r="89" spans="1:10" ht="28.5" customHeight="1" x14ac:dyDescent="0.15">
      <c r="A89" s="8" t="s">
        <v>23</v>
      </c>
      <c r="B89" s="9" t="s">
        <v>24</v>
      </c>
      <c r="C89" s="10" t="s">
        <v>43</v>
      </c>
      <c r="D89" s="10" t="s">
        <v>223</v>
      </c>
      <c r="E89" s="32">
        <v>154</v>
      </c>
      <c r="F89" s="11" t="s">
        <v>296</v>
      </c>
      <c r="G89" s="12">
        <v>25920</v>
      </c>
      <c r="H89" s="1" t="s">
        <v>297</v>
      </c>
      <c r="I89" s="28">
        <v>9021001002000</v>
      </c>
      <c r="J89" s="13">
        <v>43697</v>
      </c>
    </row>
    <row r="90" spans="1:10" ht="28.5" customHeight="1" x14ac:dyDescent="0.15">
      <c r="A90" s="8" t="s">
        <v>23</v>
      </c>
      <c r="B90" s="9" t="s">
        <v>24</v>
      </c>
      <c r="C90" s="10" t="s">
        <v>43</v>
      </c>
      <c r="D90" s="10" t="s">
        <v>223</v>
      </c>
      <c r="E90" s="32">
        <v>155</v>
      </c>
      <c r="F90" s="11" t="s">
        <v>226</v>
      </c>
      <c r="G90" s="12">
        <v>19764</v>
      </c>
      <c r="H90" s="1" t="s">
        <v>227</v>
      </c>
      <c r="I90" s="28">
        <v>4021002010477</v>
      </c>
      <c r="J90" s="13">
        <v>43698</v>
      </c>
    </row>
    <row r="91" spans="1:10" ht="28.5" customHeight="1" x14ac:dyDescent="0.15">
      <c r="A91" s="8" t="s">
        <v>23</v>
      </c>
      <c r="B91" s="9" t="s">
        <v>24</v>
      </c>
      <c r="C91" s="10" t="s">
        <v>43</v>
      </c>
      <c r="D91" s="10" t="s">
        <v>223</v>
      </c>
      <c r="E91" s="32">
        <v>165</v>
      </c>
      <c r="F91" s="11" t="s">
        <v>337</v>
      </c>
      <c r="G91" s="12">
        <v>14256</v>
      </c>
      <c r="H91" s="1" t="s">
        <v>338</v>
      </c>
      <c r="I91" s="28">
        <v>4010001028242</v>
      </c>
      <c r="J91" s="13">
        <v>43717</v>
      </c>
    </row>
    <row r="92" spans="1:10" ht="28.5" customHeight="1" x14ac:dyDescent="0.15">
      <c r="A92" s="8" t="s">
        <v>23</v>
      </c>
      <c r="B92" s="9" t="s">
        <v>24</v>
      </c>
      <c r="C92" s="10" t="s">
        <v>43</v>
      </c>
      <c r="D92" s="10" t="s">
        <v>223</v>
      </c>
      <c r="E92" s="32">
        <v>166</v>
      </c>
      <c r="F92" s="11" t="s">
        <v>311</v>
      </c>
      <c r="G92" s="12">
        <v>8504</v>
      </c>
      <c r="H92" s="1" t="s">
        <v>312</v>
      </c>
      <c r="I92" s="28">
        <v>5040001033651</v>
      </c>
      <c r="J92" s="13">
        <v>43717</v>
      </c>
    </row>
    <row r="93" spans="1:10" ht="28.5" customHeight="1" x14ac:dyDescent="0.15">
      <c r="A93" s="8" t="s">
        <v>23</v>
      </c>
      <c r="B93" s="9" t="s">
        <v>24</v>
      </c>
      <c r="C93" s="10" t="s">
        <v>43</v>
      </c>
      <c r="D93" s="10" t="s">
        <v>223</v>
      </c>
      <c r="E93" s="32">
        <v>169</v>
      </c>
      <c r="F93" s="11" t="s">
        <v>335</v>
      </c>
      <c r="G93" s="12">
        <v>963</v>
      </c>
      <c r="H93" s="1" t="s">
        <v>336</v>
      </c>
      <c r="I93" s="28">
        <v>1030001004269</v>
      </c>
      <c r="J93" s="13">
        <v>43726</v>
      </c>
    </row>
    <row r="94" spans="1:10" ht="28.5" customHeight="1" x14ac:dyDescent="0.15">
      <c r="A94" s="8" t="s">
        <v>23</v>
      </c>
      <c r="B94" s="9" t="s">
        <v>24</v>
      </c>
      <c r="C94" s="10" t="s">
        <v>43</v>
      </c>
      <c r="D94" s="10" t="s">
        <v>223</v>
      </c>
      <c r="E94" s="32">
        <v>171</v>
      </c>
      <c r="F94" s="11" t="s">
        <v>224</v>
      </c>
      <c r="G94" s="12">
        <v>38486</v>
      </c>
      <c r="H94" s="1" t="s">
        <v>225</v>
      </c>
      <c r="I94" s="28">
        <v>3021002012598</v>
      </c>
      <c r="J94" s="13">
        <v>43727</v>
      </c>
    </row>
    <row r="95" spans="1:10" ht="28.5" customHeight="1" x14ac:dyDescent="0.15">
      <c r="A95" s="8" t="s">
        <v>23</v>
      </c>
      <c r="B95" s="9" t="s">
        <v>24</v>
      </c>
      <c r="C95" s="10" t="s">
        <v>43</v>
      </c>
      <c r="D95" s="10" t="s">
        <v>223</v>
      </c>
      <c r="E95" s="32">
        <v>174</v>
      </c>
      <c r="F95" s="11" t="s">
        <v>236</v>
      </c>
      <c r="G95" s="12">
        <v>7646</v>
      </c>
      <c r="H95" s="1" t="s">
        <v>225</v>
      </c>
      <c r="I95" s="28">
        <v>3021002012598</v>
      </c>
      <c r="J95" s="13">
        <v>43734</v>
      </c>
    </row>
    <row r="96" spans="1:10" ht="28.5" customHeight="1" x14ac:dyDescent="0.15">
      <c r="A96" s="8" t="s">
        <v>23</v>
      </c>
      <c r="B96" s="9" t="s">
        <v>24</v>
      </c>
      <c r="C96" s="10" t="s">
        <v>43</v>
      </c>
      <c r="D96" s="10" t="s">
        <v>26</v>
      </c>
      <c r="E96" s="32">
        <v>167</v>
      </c>
      <c r="F96" s="11" t="s">
        <v>70</v>
      </c>
      <c r="G96" s="12">
        <v>48128</v>
      </c>
      <c r="H96" s="1" t="s">
        <v>57</v>
      </c>
      <c r="I96" s="28">
        <v>6021002057079</v>
      </c>
      <c r="J96" s="13">
        <v>43650</v>
      </c>
    </row>
    <row r="97" spans="1:10" ht="28.5" customHeight="1" x14ac:dyDescent="0.15">
      <c r="A97" s="8" t="s">
        <v>23</v>
      </c>
      <c r="B97" s="9" t="s">
        <v>24</v>
      </c>
      <c r="C97" s="10" t="s">
        <v>43</v>
      </c>
      <c r="D97" s="10" t="s">
        <v>26</v>
      </c>
      <c r="E97" s="32">
        <v>174</v>
      </c>
      <c r="F97" s="11" t="s">
        <v>183</v>
      </c>
      <c r="G97" s="12">
        <v>2430</v>
      </c>
      <c r="H97" s="1" t="s">
        <v>181</v>
      </c>
      <c r="I97" s="27" t="s">
        <v>39</v>
      </c>
      <c r="J97" s="13">
        <v>43651</v>
      </c>
    </row>
    <row r="98" spans="1:10" ht="28.5" customHeight="1" x14ac:dyDescent="0.15">
      <c r="A98" s="8" t="s">
        <v>23</v>
      </c>
      <c r="B98" s="9" t="s">
        <v>24</v>
      </c>
      <c r="C98" s="10" t="s">
        <v>43</v>
      </c>
      <c r="D98" s="10" t="s">
        <v>26</v>
      </c>
      <c r="E98" s="32">
        <v>176</v>
      </c>
      <c r="F98" s="11" t="s">
        <v>63</v>
      </c>
      <c r="G98" s="12">
        <v>30132</v>
      </c>
      <c r="H98" s="1" t="s">
        <v>64</v>
      </c>
      <c r="I98" s="27">
        <v>6021001036851</v>
      </c>
      <c r="J98" s="13">
        <v>43655</v>
      </c>
    </row>
    <row r="99" spans="1:10" ht="28.5" customHeight="1" x14ac:dyDescent="0.15">
      <c r="A99" s="8" t="s">
        <v>23</v>
      </c>
      <c r="B99" s="9" t="s">
        <v>24</v>
      </c>
      <c r="C99" s="10" t="s">
        <v>43</v>
      </c>
      <c r="D99" s="10" t="s">
        <v>26</v>
      </c>
      <c r="E99" s="32">
        <v>178</v>
      </c>
      <c r="F99" s="11" t="s">
        <v>31</v>
      </c>
      <c r="G99" s="12">
        <v>28188</v>
      </c>
      <c r="H99" s="1" t="s">
        <v>32</v>
      </c>
      <c r="I99" s="28">
        <v>9180001016399</v>
      </c>
      <c r="J99" s="13">
        <v>43656</v>
      </c>
    </row>
    <row r="100" spans="1:10" ht="28.5" customHeight="1" x14ac:dyDescent="0.15">
      <c r="A100" s="8" t="s">
        <v>23</v>
      </c>
      <c r="B100" s="9" t="s">
        <v>24</v>
      </c>
      <c r="C100" s="10" t="s">
        <v>43</v>
      </c>
      <c r="D100" s="10" t="s">
        <v>26</v>
      </c>
      <c r="E100" s="32">
        <v>181</v>
      </c>
      <c r="F100" s="11" t="s">
        <v>250</v>
      </c>
      <c r="G100" s="12">
        <v>4134</v>
      </c>
      <c r="H100" s="1" t="s">
        <v>234</v>
      </c>
      <c r="I100" s="27">
        <v>3120101003135</v>
      </c>
      <c r="J100" s="13">
        <v>43664</v>
      </c>
    </row>
    <row r="101" spans="1:10" ht="28.5" customHeight="1" x14ac:dyDescent="0.15">
      <c r="A101" s="8" t="s">
        <v>23</v>
      </c>
      <c r="B101" s="9" t="s">
        <v>24</v>
      </c>
      <c r="C101" s="10" t="s">
        <v>43</v>
      </c>
      <c r="D101" s="10" t="s">
        <v>26</v>
      </c>
      <c r="E101" s="32">
        <v>184</v>
      </c>
      <c r="F101" s="11" t="s">
        <v>248</v>
      </c>
      <c r="G101" s="12">
        <v>3628</v>
      </c>
      <c r="H101" s="1" t="s">
        <v>234</v>
      </c>
      <c r="I101" s="27">
        <v>3120101003135</v>
      </c>
      <c r="J101" s="13">
        <v>43672</v>
      </c>
    </row>
    <row r="102" spans="1:10" ht="28.5" customHeight="1" x14ac:dyDescent="0.15">
      <c r="A102" s="8" t="s">
        <v>23</v>
      </c>
      <c r="B102" s="9" t="s">
        <v>24</v>
      </c>
      <c r="C102" s="10" t="s">
        <v>43</v>
      </c>
      <c r="D102" s="10" t="s">
        <v>26</v>
      </c>
      <c r="E102" s="32">
        <v>186</v>
      </c>
      <c r="F102" s="11" t="s">
        <v>246</v>
      </c>
      <c r="G102" s="12">
        <v>16567</v>
      </c>
      <c r="H102" s="1" t="s">
        <v>234</v>
      </c>
      <c r="I102" s="27">
        <v>3120101003135</v>
      </c>
      <c r="J102" s="13">
        <v>43672</v>
      </c>
    </row>
    <row r="103" spans="1:10" ht="28.5" customHeight="1" x14ac:dyDescent="0.15">
      <c r="A103" s="8" t="s">
        <v>23</v>
      </c>
      <c r="B103" s="9" t="s">
        <v>24</v>
      </c>
      <c r="C103" s="10" t="s">
        <v>43</v>
      </c>
      <c r="D103" s="10" t="s">
        <v>26</v>
      </c>
      <c r="E103" s="32">
        <v>195</v>
      </c>
      <c r="F103" s="11" t="s">
        <v>71</v>
      </c>
      <c r="G103" s="12">
        <v>33488</v>
      </c>
      <c r="H103" s="1" t="s">
        <v>66</v>
      </c>
      <c r="I103" s="27">
        <v>3021001037266</v>
      </c>
      <c r="J103" s="13">
        <v>43678</v>
      </c>
    </row>
    <row r="104" spans="1:10" ht="28.5" customHeight="1" x14ac:dyDescent="0.15">
      <c r="A104" s="8" t="s">
        <v>23</v>
      </c>
      <c r="B104" s="9" t="s">
        <v>24</v>
      </c>
      <c r="C104" s="10" t="s">
        <v>43</v>
      </c>
      <c r="D104" s="10" t="s">
        <v>26</v>
      </c>
      <c r="E104" s="32">
        <v>202</v>
      </c>
      <c r="F104" s="11" t="s">
        <v>184</v>
      </c>
      <c r="G104" s="12">
        <v>615</v>
      </c>
      <c r="H104" s="1" t="s">
        <v>181</v>
      </c>
      <c r="I104" s="27" t="s">
        <v>39</v>
      </c>
      <c r="J104" s="13">
        <v>43684</v>
      </c>
    </row>
    <row r="105" spans="1:10" ht="28.5" customHeight="1" x14ac:dyDescent="0.15">
      <c r="A105" s="8" t="s">
        <v>23</v>
      </c>
      <c r="B105" s="9" t="s">
        <v>24</v>
      </c>
      <c r="C105" s="10" t="s">
        <v>43</v>
      </c>
      <c r="D105" s="10" t="s">
        <v>26</v>
      </c>
      <c r="E105" s="32">
        <v>205</v>
      </c>
      <c r="F105" s="11" t="s">
        <v>249</v>
      </c>
      <c r="G105" s="12">
        <v>2138</v>
      </c>
      <c r="H105" s="1" t="s">
        <v>234</v>
      </c>
      <c r="I105" s="27">
        <v>3120101003135</v>
      </c>
      <c r="J105" s="13">
        <v>43684</v>
      </c>
    </row>
    <row r="106" spans="1:10" ht="28.5" customHeight="1" x14ac:dyDescent="0.15">
      <c r="A106" s="8" t="s">
        <v>23</v>
      </c>
      <c r="B106" s="9" t="s">
        <v>24</v>
      </c>
      <c r="C106" s="10" t="s">
        <v>43</v>
      </c>
      <c r="D106" s="10" t="s">
        <v>26</v>
      </c>
      <c r="E106" s="32">
        <v>208</v>
      </c>
      <c r="F106" s="11" t="s">
        <v>73</v>
      </c>
      <c r="G106" s="12">
        <v>21713</v>
      </c>
      <c r="H106" s="1" t="s">
        <v>64</v>
      </c>
      <c r="I106" s="27">
        <v>6021001036851</v>
      </c>
      <c r="J106" s="13">
        <v>43686</v>
      </c>
    </row>
    <row r="107" spans="1:10" ht="28.5" customHeight="1" x14ac:dyDescent="0.15">
      <c r="A107" s="8" t="s">
        <v>23</v>
      </c>
      <c r="B107" s="9" t="s">
        <v>24</v>
      </c>
      <c r="C107" s="10" t="s">
        <v>43</v>
      </c>
      <c r="D107" s="10" t="s">
        <v>26</v>
      </c>
      <c r="E107" s="32">
        <v>210</v>
      </c>
      <c r="F107" s="11" t="s">
        <v>67</v>
      </c>
      <c r="G107" s="12">
        <v>5162</v>
      </c>
      <c r="H107" s="1" t="s">
        <v>64</v>
      </c>
      <c r="I107" s="27">
        <v>6021001036851</v>
      </c>
      <c r="J107" s="13">
        <v>43690</v>
      </c>
    </row>
    <row r="108" spans="1:10" ht="28.5" customHeight="1" x14ac:dyDescent="0.15">
      <c r="A108" s="8" t="s">
        <v>23</v>
      </c>
      <c r="B108" s="9" t="s">
        <v>24</v>
      </c>
      <c r="C108" s="10" t="s">
        <v>43</v>
      </c>
      <c r="D108" s="10" t="s">
        <v>26</v>
      </c>
      <c r="E108" s="32">
        <v>213</v>
      </c>
      <c r="F108" s="11" t="s">
        <v>27</v>
      </c>
      <c r="G108" s="12">
        <v>34711</v>
      </c>
      <c r="H108" s="1" t="s">
        <v>28</v>
      </c>
      <c r="I108" s="27">
        <v>3021002057734</v>
      </c>
      <c r="J108" s="13">
        <v>43696</v>
      </c>
    </row>
    <row r="109" spans="1:10" ht="28.5" customHeight="1" x14ac:dyDescent="0.15">
      <c r="A109" s="8" t="s">
        <v>23</v>
      </c>
      <c r="B109" s="9" t="s">
        <v>24</v>
      </c>
      <c r="C109" s="10" t="s">
        <v>43</v>
      </c>
      <c r="D109" s="10" t="s">
        <v>26</v>
      </c>
      <c r="E109" s="32">
        <v>215</v>
      </c>
      <c r="F109" s="11" t="s">
        <v>247</v>
      </c>
      <c r="G109" s="12">
        <v>6415</v>
      </c>
      <c r="H109" s="1" t="s">
        <v>234</v>
      </c>
      <c r="I109" s="27">
        <v>3120101003135</v>
      </c>
      <c r="J109" s="13">
        <v>43697</v>
      </c>
    </row>
    <row r="110" spans="1:10" ht="28.5" customHeight="1" x14ac:dyDescent="0.15">
      <c r="A110" s="8" t="s">
        <v>23</v>
      </c>
      <c r="B110" s="9" t="s">
        <v>24</v>
      </c>
      <c r="C110" s="10" t="s">
        <v>43</v>
      </c>
      <c r="D110" s="10" t="s">
        <v>26</v>
      </c>
      <c r="E110" s="32">
        <v>218</v>
      </c>
      <c r="F110" s="11" t="s">
        <v>33</v>
      </c>
      <c r="G110" s="12">
        <v>32508</v>
      </c>
      <c r="H110" s="1" t="s">
        <v>34</v>
      </c>
      <c r="I110" s="27">
        <v>5430001028059</v>
      </c>
      <c r="J110" s="13">
        <v>43699</v>
      </c>
    </row>
    <row r="111" spans="1:10" ht="28.5" customHeight="1" x14ac:dyDescent="0.15">
      <c r="A111" s="8" t="s">
        <v>23</v>
      </c>
      <c r="B111" s="9" t="s">
        <v>24</v>
      </c>
      <c r="C111" s="10" t="s">
        <v>43</v>
      </c>
      <c r="D111" s="10" t="s">
        <v>26</v>
      </c>
      <c r="E111" s="32">
        <v>219</v>
      </c>
      <c r="F111" s="11" t="s">
        <v>69</v>
      </c>
      <c r="G111" s="12">
        <v>28926</v>
      </c>
      <c r="H111" s="1" t="s">
        <v>50</v>
      </c>
      <c r="I111" s="27">
        <v>5021001001666</v>
      </c>
      <c r="J111" s="13">
        <v>43699</v>
      </c>
    </row>
    <row r="112" spans="1:10" ht="28.5" customHeight="1" x14ac:dyDescent="0.15">
      <c r="A112" s="8" t="s">
        <v>23</v>
      </c>
      <c r="B112" s="9" t="s">
        <v>24</v>
      </c>
      <c r="C112" s="10" t="s">
        <v>43</v>
      </c>
      <c r="D112" s="10" t="s">
        <v>26</v>
      </c>
      <c r="E112" s="32">
        <v>226</v>
      </c>
      <c r="F112" s="11" t="s">
        <v>68</v>
      </c>
      <c r="G112" s="12">
        <v>42301</v>
      </c>
      <c r="H112" s="1" t="s">
        <v>57</v>
      </c>
      <c r="I112" s="27">
        <v>6021002057079</v>
      </c>
      <c r="J112" s="13">
        <v>43706</v>
      </c>
    </row>
    <row r="113" spans="1:10" ht="28.5" customHeight="1" x14ac:dyDescent="0.15">
      <c r="A113" s="8" t="s">
        <v>23</v>
      </c>
      <c r="B113" s="9" t="s">
        <v>24</v>
      </c>
      <c r="C113" s="10" t="s">
        <v>43</v>
      </c>
      <c r="D113" s="10" t="s">
        <v>26</v>
      </c>
      <c r="E113" s="32">
        <v>228</v>
      </c>
      <c r="F113" s="11" t="s">
        <v>244</v>
      </c>
      <c r="G113" s="12">
        <v>1400</v>
      </c>
      <c r="H113" s="1" t="s">
        <v>245</v>
      </c>
      <c r="I113" s="27">
        <v>3020005003118</v>
      </c>
      <c r="J113" s="13">
        <v>43706</v>
      </c>
    </row>
    <row r="114" spans="1:10" ht="28.5" customHeight="1" x14ac:dyDescent="0.15">
      <c r="A114" s="8" t="s">
        <v>23</v>
      </c>
      <c r="B114" s="9" t="s">
        <v>24</v>
      </c>
      <c r="C114" s="10" t="s">
        <v>43</v>
      </c>
      <c r="D114" s="10" t="s">
        <v>26</v>
      </c>
      <c r="E114" s="32">
        <v>233</v>
      </c>
      <c r="F114" s="11" t="s">
        <v>180</v>
      </c>
      <c r="G114" s="12">
        <v>10206</v>
      </c>
      <c r="H114" s="1" t="s">
        <v>181</v>
      </c>
      <c r="I114" s="27" t="s">
        <v>39</v>
      </c>
      <c r="J114" s="13">
        <v>43711</v>
      </c>
    </row>
    <row r="115" spans="1:10" ht="28.5" customHeight="1" x14ac:dyDescent="0.15">
      <c r="A115" s="8" t="s">
        <v>23</v>
      </c>
      <c r="B115" s="9" t="s">
        <v>24</v>
      </c>
      <c r="C115" s="10" t="s">
        <v>43</v>
      </c>
      <c r="D115" s="10" t="s">
        <v>26</v>
      </c>
      <c r="E115" s="32">
        <v>238</v>
      </c>
      <c r="F115" s="11" t="s">
        <v>65</v>
      </c>
      <c r="G115" s="12">
        <v>49613</v>
      </c>
      <c r="H115" s="1" t="s">
        <v>66</v>
      </c>
      <c r="I115" s="27">
        <v>3021001037266</v>
      </c>
      <c r="J115" s="13">
        <v>43718</v>
      </c>
    </row>
    <row r="116" spans="1:10" ht="28.5" customHeight="1" x14ac:dyDescent="0.15">
      <c r="A116" s="8" t="s">
        <v>23</v>
      </c>
      <c r="B116" s="9" t="s">
        <v>24</v>
      </c>
      <c r="C116" s="10" t="s">
        <v>43</v>
      </c>
      <c r="D116" s="10" t="s">
        <v>26</v>
      </c>
      <c r="E116" s="32">
        <v>239</v>
      </c>
      <c r="F116" s="11" t="s">
        <v>182</v>
      </c>
      <c r="G116" s="12">
        <v>1620</v>
      </c>
      <c r="H116" s="1" t="s">
        <v>181</v>
      </c>
      <c r="I116" s="27" t="s">
        <v>39</v>
      </c>
      <c r="J116" s="13">
        <v>43718</v>
      </c>
    </row>
    <row r="117" spans="1:10" ht="28.5" customHeight="1" x14ac:dyDescent="0.15">
      <c r="A117" s="8" t="s">
        <v>23</v>
      </c>
      <c r="B117" s="9" t="s">
        <v>24</v>
      </c>
      <c r="C117" s="10" t="s">
        <v>43</v>
      </c>
      <c r="D117" s="10" t="s">
        <v>26</v>
      </c>
      <c r="E117" s="32">
        <v>243</v>
      </c>
      <c r="F117" s="11" t="s">
        <v>30</v>
      </c>
      <c r="G117" s="12">
        <v>33678</v>
      </c>
      <c r="H117" s="1" t="s">
        <v>28</v>
      </c>
      <c r="I117" s="27">
        <v>3021002057734</v>
      </c>
      <c r="J117" s="13">
        <v>43726</v>
      </c>
    </row>
    <row r="118" spans="1:10" ht="28.5" customHeight="1" x14ac:dyDescent="0.15">
      <c r="A118" s="8" t="s">
        <v>23</v>
      </c>
      <c r="B118" s="9" t="s">
        <v>24</v>
      </c>
      <c r="C118" s="10" t="s">
        <v>43</v>
      </c>
      <c r="D118" s="10" t="s">
        <v>26</v>
      </c>
      <c r="E118" s="32">
        <v>247</v>
      </c>
      <c r="F118" s="11" t="s">
        <v>74</v>
      </c>
      <c r="G118" s="12">
        <v>73980</v>
      </c>
      <c r="H118" s="1" t="s">
        <v>75</v>
      </c>
      <c r="I118" s="27">
        <v>4021001036903</v>
      </c>
      <c r="J118" s="13">
        <v>43732</v>
      </c>
    </row>
    <row r="119" spans="1:10" ht="28.5" customHeight="1" x14ac:dyDescent="0.15">
      <c r="A119" s="8" t="s">
        <v>23</v>
      </c>
      <c r="B119" s="9" t="s">
        <v>24</v>
      </c>
      <c r="C119" s="10" t="s">
        <v>43</v>
      </c>
      <c r="D119" s="10" t="s">
        <v>26</v>
      </c>
      <c r="E119" s="32">
        <v>248</v>
      </c>
      <c r="F119" s="11" t="s">
        <v>72</v>
      </c>
      <c r="G119" s="12">
        <v>46988</v>
      </c>
      <c r="H119" s="1" t="s">
        <v>50</v>
      </c>
      <c r="I119" s="27">
        <v>5021001001666</v>
      </c>
      <c r="J119" s="13">
        <v>43732</v>
      </c>
    </row>
    <row r="120" spans="1:10" ht="28.5" customHeight="1" x14ac:dyDescent="0.15">
      <c r="A120" s="8" t="s">
        <v>23</v>
      </c>
      <c r="B120" s="9" t="s">
        <v>24</v>
      </c>
      <c r="C120" s="10" t="s">
        <v>43</v>
      </c>
      <c r="D120" s="10" t="s">
        <v>26</v>
      </c>
      <c r="E120" s="32">
        <v>256</v>
      </c>
      <c r="F120" s="11" t="s">
        <v>251</v>
      </c>
      <c r="G120" s="12">
        <v>49518</v>
      </c>
      <c r="H120" s="1" t="s">
        <v>252</v>
      </c>
      <c r="I120" s="27">
        <v>5080001000689</v>
      </c>
      <c r="J120" s="13">
        <v>43738</v>
      </c>
    </row>
    <row r="121" spans="1:10" ht="28.5" customHeight="1" x14ac:dyDescent="0.15">
      <c r="A121" s="8" t="s">
        <v>23</v>
      </c>
      <c r="B121" s="9" t="s">
        <v>24</v>
      </c>
      <c r="C121" s="10" t="s">
        <v>43</v>
      </c>
      <c r="D121" s="10" t="s">
        <v>104</v>
      </c>
      <c r="E121" s="32">
        <v>232</v>
      </c>
      <c r="F121" s="11" t="s">
        <v>105</v>
      </c>
      <c r="G121" s="12">
        <v>21384</v>
      </c>
      <c r="H121" s="1" t="s">
        <v>106</v>
      </c>
      <c r="I121" s="27">
        <v>4010001014226</v>
      </c>
      <c r="J121" s="13">
        <v>43651</v>
      </c>
    </row>
    <row r="122" spans="1:10" ht="28.5" customHeight="1" x14ac:dyDescent="0.15">
      <c r="A122" s="8" t="s">
        <v>23</v>
      </c>
      <c r="B122" s="9" t="s">
        <v>24</v>
      </c>
      <c r="C122" s="10" t="s">
        <v>43</v>
      </c>
      <c r="D122" s="10" t="s">
        <v>104</v>
      </c>
      <c r="E122" s="32">
        <v>234</v>
      </c>
      <c r="F122" s="11" t="s">
        <v>286</v>
      </c>
      <c r="G122" s="12">
        <v>49350</v>
      </c>
      <c r="H122" s="1" t="s">
        <v>287</v>
      </c>
      <c r="I122" s="27">
        <v>1021001021387</v>
      </c>
      <c r="J122" s="13">
        <v>43651</v>
      </c>
    </row>
    <row r="123" spans="1:10" ht="28.5" customHeight="1" x14ac:dyDescent="0.15">
      <c r="A123" s="8" t="s">
        <v>23</v>
      </c>
      <c r="B123" s="9" t="s">
        <v>24</v>
      </c>
      <c r="C123" s="10" t="s">
        <v>43</v>
      </c>
      <c r="D123" s="10" t="s">
        <v>104</v>
      </c>
      <c r="E123" s="32">
        <v>237</v>
      </c>
      <c r="F123" s="11" t="s">
        <v>130</v>
      </c>
      <c r="G123" s="12">
        <v>32989</v>
      </c>
      <c r="H123" s="1" t="s">
        <v>131</v>
      </c>
      <c r="I123" s="27">
        <v>4010501004965</v>
      </c>
      <c r="J123" s="13">
        <v>43655</v>
      </c>
    </row>
    <row r="124" spans="1:10" ht="28.5" customHeight="1" x14ac:dyDescent="0.15">
      <c r="A124" s="8" t="s">
        <v>23</v>
      </c>
      <c r="B124" s="9" t="s">
        <v>24</v>
      </c>
      <c r="C124" s="10" t="s">
        <v>43</v>
      </c>
      <c r="D124" s="10" t="s">
        <v>104</v>
      </c>
      <c r="E124" s="32">
        <v>238</v>
      </c>
      <c r="F124" s="11" t="s">
        <v>130</v>
      </c>
      <c r="G124" s="12">
        <v>32989</v>
      </c>
      <c r="H124" s="1" t="s">
        <v>131</v>
      </c>
      <c r="I124" s="27">
        <v>4010501004965</v>
      </c>
      <c r="J124" s="13">
        <v>43655</v>
      </c>
    </row>
    <row r="125" spans="1:10" ht="28.5" customHeight="1" x14ac:dyDescent="0.15">
      <c r="A125" s="8" t="s">
        <v>23</v>
      </c>
      <c r="B125" s="9" t="s">
        <v>24</v>
      </c>
      <c r="C125" s="10" t="s">
        <v>43</v>
      </c>
      <c r="D125" s="10" t="s">
        <v>104</v>
      </c>
      <c r="E125" s="32">
        <v>239</v>
      </c>
      <c r="F125" s="11" t="s">
        <v>121</v>
      </c>
      <c r="G125" s="12">
        <v>9720</v>
      </c>
      <c r="H125" s="1" t="s">
        <v>120</v>
      </c>
      <c r="I125" s="27">
        <v>5430001028059</v>
      </c>
      <c r="J125" s="13">
        <v>43656</v>
      </c>
    </row>
    <row r="126" spans="1:10" ht="28.5" customHeight="1" x14ac:dyDescent="0.15">
      <c r="A126" s="8" t="s">
        <v>23</v>
      </c>
      <c r="B126" s="9" t="s">
        <v>24</v>
      </c>
      <c r="C126" s="10" t="s">
        <v>43</v>
      </c>
      <c r="D126" s="10" t="s">
        <v>104</v>
      </c>
      <c r="E126" s="32">
        <v>260</v>
      </c>
      <c r="F126" s="11" t="s">
        <v>283</v>
      </c>
      <c r="G126" s="12">
        <v>16200</v>
      </c>
      <c r="H126" s="1" t="s">
        <v>284</v>
      </c>
      <c r="I126" s="27">
        <v>9020001000765</v>
      </c>
      <c r="J126" s="13">
        <v>43675</v>
      </c>
    </row>
    <row r="127" spans="1:10" ht="28.5" customHeight="1" x14ac:dyDescent="0.15">
      <c r="A127" s="8" t="s">
        <v>23</v>
      </c>
      <c r="B127" s="9" t="s">
        <v>24</v>
      </c>
      <c r="C127" s="10" t="s">
        <v>43</v>
      </c>
      <c r="D127" s="10" t="s">
        <v>104</v>
      </c>
      <c r="E127" s="32">
        <v>266</v>
      </c>
      <c r="F127" s="11" t="s">
        <v>140</v>
      </c>
      <c r="G127" s="12">
        <v>25455</v>
      </c>
      <c r="H127" s="1" t="s">
        <v>141</v>
      </c>
      <c r="I127" s="27" t="s">
        <v>39</v>
      </c>
      <c r="J127" s="13">
        <v>43675</v>
      </c>
    </row>
    <row r="128" spans="1:10" ht="28.5" customHeight="1" x14ac:dyDescent="0.15">
      <c r="A128" s="8" t="s">
        <v>23</v>
      </c>
      <c r="B128" s="9" t="s">
        <v>24</v>
      </c>
      <c r="C128" s="10" t="s">
        <v>43</v>
      </c>
      <c r="D128" s="10" t="s">
        <v>104</v>
      </c>
      <c r="E128" s="32">
        <v>268</v>
      </c>
      <c r="F128" s="11" t="s">
        <v>159</v>
      </c>
      <c r="G128" s="12">
        <v>17789</v>
      </c>
      <c r="H128" s="1" t="s">
        <v>123</v>
      </c>
      <c r="I128" s="27">
        <v>1021001019514</v>
      </c>
      <c r="J128" s="13">
        <v>43677</v>
      </c>
    </row>
    <row r="129" spans="1:10" ht="28.5" customHeight="1" x14ac:dyDescent="0.15">
      <c r="A129" s="8" t="s">
        <v>23</v>
      </c>
      <c r="B129" s="9" t="s">
        <v>24</v>
      </c>
      <c r="C129" s="10" t="s">
        <v>43</v>
      </c>
      <c r="D129" s="10" t="s">
        <v>104</v>
      </c>
      <c r="E129" s="32">
        <v>270</v>
      </c>
      <c r="F129" s="11" t="s">
        <v>105</v>
      </c>
      <c r="G129" s="12">
        <v>35640</v>
      </c>
      <c r="H129" s="1" t="s">
        <v>106</v>
      </c>
      <c r="I129" s="27">
        <v>4010001014226</v>
      </c>
      <c r="J129" s="13">
        <v>43683</v>
      </c>
    </row>
    <row r="130" spans="1:10" ht="28.5" customHeight="1" x14ac:dyDescent="0.15">
      <c r="A130" s="8" t="s">
        <v>23</v>
      </c>
      <c r="B130" s="9" t="s">
        <v>24</v>
      </c>
      <c r="C130" s="10" t="s">
        <v>43</v>
      </c>
      <c r="D130" s="10" t="s">
        <v>104</v>
      </c>
      <c r="E130" s="32">
        <v>281</v>
      </c>
      <c r="F130" s="11" t="s">
        <v>121</v>
      </c>
      <c r="G130" s="12">
        <v>14580</v>
      </c>
      <c r="H130" s="1" t="s">
        <v>120</v>
      </c>
      <c r="I130" s="27">
        <v>5430001028059</v>
      </c>
      <c r="J130" s="13">
        <v>43686</v>
      </c>
    </row>
    <row r="131" spans="1:10" ht="28.5" customHeight="1" x14ac:dyDescent="0.15">
      <c r="A131" s="8" t="s">
        <v>23</v>
      </c>
      <c r="B131" s="9" t="s">
        <v>24</v>
      </c>
      <c r="C131" s="10" t="s">
        <v>43</v>
      </c>
      <c r="D131" s="10" t="s">
        <v>104</v>
      </c>
      <c r="E131" s="32">
        <v>303</v>
      </c>
      <c r="F131" s="11" t="s">
        <v>161</v>
      </c>
      <c r="G131" s="12">
        <v>37476</v>
      </c>
      <c r="H131" s="1" t="s">
        <v>120</v>
      </c>
      <c r="I131" s="27">
        <v>5430001028059</v>
      </c>
      <c r="J131" s="13">
        <v>43705</v>
      </c>
    </row>
    <row r="132" spans="1:10" ht="28.5" customHeight="1" x14ac:dyDescent="0.15">
      <c r="A132" s="8" t="s">
        <v>23</v>
      </c>
      <c r="B132" s="9" t="s">
        <v>24</v>
      </c>
      <c r="C132" s="10" t="s">
        <v>43</v>
      </c>
      <c r="D132" s="10" t="s">
        <v>104</v>
      </c>
      <c r="E132" s="32">
        <v>311</v>
      </c>
      <c r="F132" s="11" t="s">
        <v>171</v>
      </c>
      <c r="G132" s="12">
        <v>27449</v>
      </c>
      <c r="H132" s="1" t="s">
        <v>123</v>
      </c>
      <c r="I132" s="27">
        <v>1021001019514</v>
      </c>
      <c r="J132" s="13">
        <v>43711</v>
      </c>
    </row>
    <row r="133" spans="1:10" ht="28.5" customHeight="1" x14ac:dyDescent="0.15">
      <c r="A133" s="8" t="s">
        <v>23</v>
      </c>
      <c r="B133" s="9" t="s">
        <v>24</v>
      </c>
      <c r="C133" s="10" t="s">
        <v>43</v>
      </c>
      <c r="D133" s="10" t="s">
        <v>104</v>
      </c>
      <c r="E133" s="32">
        <v>313</v>
      </c>
      <c r="F133" s="11" t="s">
        <v>105</v>
      </c>
      <c r="G133" s="12">
        <v>21384</v>
      </c>
      <c r="H133" s="1" t="s">
        <v>106</v>
      </c>
      <c r="I133" s="27">
        <v>4010001014226</v>
      </c>
      <c r="J133" s="13">
        <v>43712</v>
      </c>
    </row>
    <row r="134" spans="1:10" ht="28.5" customHeight="1" x14ac:dyDescent="0.15">
      <c r="A134" s="8" t="s">
        <v>23</v>
      </c>
      <c r="B134" s="9" t="s">
        <v>24</v>
      </c>
      <c r="C134" s="10" t="s">
        <v>43</v>
      </c>
      <c r="D134" s="10" t="s">
        <v>104</v>
      </c>
      <c r="E134" s="32">
        <v>318</v>
      </c>
      <c r="F134" s="11" t="s">
        <v>122</v>
      </c>
      <c r="G134" s="12">
        <v>15033</v>
      </c>
      <c r="H134" s="1" t="s">
        <v>123</v>
      </c>
      <c r="I134" s="27">
        <v>1021001019514</v>
      </c>
      <c r="J134" s="13">
        <v>43718</v>
      </c>
    </row>
    <row r="135" spans="1:10" ht="28.5" customHeight="1" x14ac:dyDescent="0.15">
      <c r="A135" s="8" t="s">
        <v>23</v>
      </c>
      <c r="B135" s="9" t="s">
        <v>24</v>
      </c>
      <c r="C135" s="10" t="s">
        <v>43</v>
      </c>
      <c r="D135" s="10" t="s">
        <v>104</v>
      </c>
      <c r="E135" s="32">
        <v>331</v>
      </c>
      <c r="F135" s="11" t="s">
        <v>264</v>
      </c>
      <c r="G135" s="12">
        <v>31190</v>
      </c>
      <c r="H135" s="1" t="s">
        <v>265</v>
      </c>
      <c r="I135" s="27">
        <v>5080001000689</v>
      </c>
      <c r="J135" s="13">
        <v>43721</v>
      </c>
    </row>
    <row r="136" spans="1:10" ht="28.5" customHeight="1" x14ac:dyDescent="0.15">
      <c r="A136" s="8" t="s">
        <v>23</v>
      </c>
      <c r="B136" s="9" t="s">
        <v>24</v>
      </c>
      <c r="C136" s="10" t="s">
        <v>43</v>
      </c>
      <c r="D136" s="10" t="s">
        <v>104</v>
      </c>
      <c r="E136" s="32">
        <v>335</v>
      </c>
      <c r="F136" s="11" t="s">
        <v>160</v>
      </c>
      <c r="G136" s="12">
        <v>95580</v>
      </c>
      <c r="H136" s="1" t="s">
        <v>120</v>
      </c>
      <c r="I136" s="27">
        <v>5430001028059</v>
      </c>
      <c r="J136" s="13">
        <v>43725</v>
      </c>
    </row>
    <row r="137" spans="1:10" ht="28.5" customHeight="1" x14ac:dyDescent="0.15">
      <c r="A137" s="8" t="s">
        <v>23</v>
      </c>
      <c r="B137" s="9" t="s">
        <v>24</v>
      </c>
      <c r="C137" s="10" t="s">
        <v>43</v>
      </c>
      <c r="D137" s="10" t="s">
        <v>104</v>
      </c>
      <c r="E137" s="32">
        <v>336</v>
      </c>
      <c r="F137" s="11" t="s">
        <v>301</v>
      </c>
      <c r="G137" s="12">
        <v>46024</v>
      </c>
      <c r="H137" s="1" t="s">
        <v>463</v>
      </c>
      <c r="I137" s="27" t="s">
        <v>39</v>
      </c>
      <c r="J137" s="13">
        <v>43726</v>
      </c>
    </row>
    <row r="138" spans="1:10" ht="28.5" customHeight="1" x14ac:dyDescent="0.15">
      <c r="A138" s="8" t="s">
        <v>23</v>
      </c>
      <c r="B138" s="9" t="s">
        <v>24</v>
      </c>
      <c r="C138" s="10" t="s">
        <v>43</v>
      </c>
      <c r="D138" s="10" t="s">
        <v>104</v>
      </c>
      <c r="E138" s="32">
        <v>342</v>
      </c>
      <c r="F138" s="11" t="s">
        <v>142</v>
      </c>
      <c r="G138" s="12">
        <v>9386</v>
      </c>
      <c r="H138" s="1" t="s">
        <v>123</v>
      </c>
      <c r="I138" s="27">
        <v>1021001019514</v>
      </c>
      <c r="J138" s="13">
        <v>43728</v>
      </c>
    </row>
    <row r="139" spans="1:10" ht="28.5" customHeight="1" x14ac:dyDescent="0.15">
      <c r="A139" s="8" t="s">
        <v>23</v>
      </c>
      <c r="B139" s="9" t="s">
        <v>24</v>
      </c>
      <c r="C139" s="10" t="s">
        <v>43</v>
      </c>
      <c r="D139" s="10" t="s">
        <v>104</v>
      </c>
      <c r="E139" s="32">
        <v>344</v>
      </c>
      <c r="F139" s="11" t="s">
        <v>266</v>
      </c>
      <c r="G139" s="12">
        <v>49680</v>
      </c>
      <c r="H139" s="1" t="s">
        <v>267</v>
      </c>
      <c r="I139" s="27">
        <v>8021001036701</v>
      </c>
      <c r="J139" s="13">
        <v>43728</v>
      </c>
    </row>
    <row r="140" spans="1:10" ht="28.5" customHeight="1" x14ac:dyDescent="0.15">
      <c r="A140" s="8" t="s">
        <v>23</v>
      </c>
      <c r="B140" s="9" t="s">
        <v>24</v>
      </c>
      <c r="C140" s="10" t="s">
        <v>43</v>
      </c>
      <c r="D140" s="10" t="s">
        <v>104</v>
      </c>
      <c r="E140" s="32">
        <v>351</v>
      </c>
      <c r="F140" s="11" t="s">
        <v>105</v>
      </c>
      <c r="G140" s="12">
        <v>21780</v>
      </c>
      <c r="H140" s="1" t="s">
        <v>106</v>
      </c>
      <c r="I140" s="27">
        <v>4010001014226</v>
      </c>
      <c r="J140" s="13">
        <v>43738</v>
      </c>
    </row>
    <row r="141" spans="1:10" ht="28.5" customHeight="1" x14ac:dyDescent="0.15">
      <c r="A141" s="8" t="s">
        <v>23</v>
      </c>
      <c r="B141" s="9" t="s">
        <v>24</v>
      </c>
      <c r="C141" s="10" t="s">
        <v>43</v>
      </c>
      <c r="D141" s="10" t="s">
        <v>58</v>
      </c>
      <c r="E141" s="32">
        <v>110</v>
      </c>
      <c r="F141" s="11" t="s">
        <v>331</v>
      </c>
      <c r="G141" s="12">
        <v>49484</v>
      </c>
      <c r="H141" s="1" t="s">
        <v>60</v>
      </c>
      <c r="I141" s="27" t="s">
        <v>39</v>
      </c>
      <c r="J141" s="13">
        <v>43664</v>
      </c>
    </row>
    <row r="142" spans="1:10" ht="28.5" customHeight="1" x14ac:dyDescent="0.15">
      <c r="A142" s="8" t="s">
        <v>23</v>
      </c>
      <c r="B142" s="9" t="s">
        <v>24</v>
      </c>
      <c r="C142" s="10" t="s">
        <v>43</v>
      </c>
      <c r="D142" s="10" t="s">
        <v>58</v>
      </c>
      <c r="E142" s="32">
        <v>111</v>
      </c>
      <c r="F142" s="11" t="s">
        <v>61</v>
      </c>
      <c r="G142" s="12">
        <v>43092</v>
      </c>
      <c r="H142" s="1" t="s">
        <v>62</v>
      </c>
      <c r="I142" s="27">
        <v>2021002044758</v>
      </c>
      <c r="J142" s="13">
        <v>43668</v>
      </c>
    </row>
    <row r="143" spans="1:10" ht="28.5" customHeight="1" x14ac:dyDescent="0.15">
      <c r="A143" s="8" t="s">
        <v>23</v>
      </c>
      <c r="B143" s="9" t="s">
        <v>24</v>
      </c>
      <c r="C143" s="10" t="s">
        <v>43</v>
      </c>
      <c r="D143" s="10" t="s">
        <v>58</v>
      </c>
      <c r="E143" s="32">
        <v>113</v>
      </c>
      <c r="F143" s="11" t="s">
        <v>59</v>
      </c>
      <c r="G143" s="12">
        <v>65016</v>
      </c>
      <c r="H143" s="1" t="s">
        <v>60</v>
      </c>
      <c r="I143" s="27" t="s">
        <v>39</v>
      </c>
      <c r="J143" s="13">
        <v>43684</v>
      </c>
    </row>
    <row r="144" spans="1:10" ht="28.5" customHeight="1" x14ac:dyDescent="0.15">
      <c r="A144" s="8" t="s">
        <v>23</v>
      </c>
      <c r="B144" s="9" t="s">
        <v>24</v>
      </c>
      <c r="C144" s="10" t="s">
        <v>43</v>
      </c>
      <c r="D144" s="10" t="s">
        <v>58</v>
      </c>
      <c r="E144" s="32">
        <v>115</v>
      </c>
      <c r="F144" s="11" t="s">
        <v>228</v>
      </c>
      <c r="G144" s="12">
        <v>26514</v>
      </c>
      <c r="H144" s="1" t="s">
        <v>62</v>
      </c>
      <c r="I144" s="27">
        <v>2021002044758</v>
      </c>
      <c r="J144" s="13">
        <v>43696</v>
      </c>
    </row>
    <row r="145" spans="1:10" ht="28.5" customHeight="1" x14ac:dyDescent="0.15">
      <c r="A145" s="8" t="s">
        <v>23</v>
      </c>
      <c r="B145" s="9" t="s">
        <v>24</v>
      </c>
      <c r="C145" s="10" t="s">
        <v>43</v>
      </c>
      <c r="D145" s="10" t="s">
        <v>58</v>
      </c>
      <c r="E145" s="32">
        <v>116</v>
      </c>
      <c r="F145" s="11" t="s">
        <v>237</v>
      </c>
      <c r="G145" s="12">
        <v>49680</v>
      </c>
      <c r="H145" s="1" t="s">
        <v>238</v>
      </c>
      <c r="I145" s="27">
        <v>9021001034910</v>
      </c>
      <c r="J145" s="13">
        <v>43699</v>
      </c>
    </row>
    <row r="146" spans="1:10" ht="28.5" customHeight="1" x14ac:dyDescent="0.15">
      <c r="A146" s="8" t="s">
        <v>23</v>
      </c>
      <c r="B146" s="9" t="s">
        <v>24</v>
      </c>
      <c r="C146" s="10" t="s">
        <v>43</v>
      </c>
      <c r="D146" s="10" t="s">
        <v>58</v>
      </c>
      <c r="E146" s="32">
        <v>121</v>
      </c>
      <c r="F146" s="11" t="s">
        <v>221</v>
      </c>
      <c r="G146" s="12">
        <v>5940</v>
      </c>
      <c r="H146" s="1" t="s">
        <v>222</v>
      </c>
      <c r="I146" s="27">
        <v>4070001011201</v>
      </c>
      <c r="J146" s="13">
        <v>43712</v>
      </c>
    </row>
    <row r="147" spans="1:10" ht="28.5" customHeight="1" x14ac:dyDescent="0.15">
      <c r="A147" s="8" t="s">
        <v>23</v>
      </c>
      <c r="B147" s="9" t="s">
        <v>24</v>
      </c>
      <c r="C147" s="10" t="s">
        <v>43</v>
      </c>
      <c r="D147" s="10" t="s">
        <v>58</v>
      </c>
      <c r="E147" s="32">
        <v>122</v>
      </c>
      <c r="F147" s="11" t="s">
        <v>348</v>
      </c>
      <c r="G147" s="12">
        <v>25272</v>
      </c>
      <c r="H147" s="1" t="s">
        <v>349</v>
      </c>
      <c r="I147" s="27">
        <v>6021001027149</v>
      </c>
      <c r="J147" s="13">
        <v>43713</v>
      </c>
    </row>
    <row r="148" spans="1:10" ht="28.5" customHeight="1" x14ac:dyDescent="0.15">
      <c r="A148" s="8" t="s">
        <v>23</v>
      </c>
      <c r="B148" s="9" t="s">
        <v>24</v>
      </c>
      <c r="C148" s="10" t="s">
        <v>43</v>
      </c>
      <c r="D148" s="10" t="s">
        <v>58</v>
      </c>
      <c r="E148" s="32">
        <v>134</v>
      </c>
      <c r="F148" s="11" t="s">
        <v>230</v>
      </c>
      <c r="G148" s="12">
        <v>49766</v>
      </c>
      <c r="H148" s="1" t="s">
        <v>62</v>
      </c>
      <c r="I148" s="27">
        <v>2021002044758</v>
      </c>
      <c r="J148" s="13">
        <v>43720</v>
      </c>
    </row>
    <row r="149" spans="1:10" ht="28.5" customHeight="1" x14ac:dyDescent="0.15">
      <c r="A149" s="8" t="s">
        <v>23</v>
      </c>
      <c r="B149" s="9" t="s">
        <v>24</v>
      </c>
      <c r="C149" s="10" t="s">
        <v>43</v>
      </c>
      <c r="D149" s="10" t="s">
        <v>58</v>
      </c>
      <c r="E149" s="32">
        <v>141</v>
      </c>
      <c r="F149" s="11" t="s">
        <v>61</v>
      </c>
      <c r="G149" s="12">
        <v>43092</v>
      </c>
      <c r="H149" s="1" t="s">
        <v>62</v>
      </c>
      <c r="I149" s="27">
        <v>2021002044758</v>
      </c>
      <c r="J149" s="13">
        <v>43726</v>
      </c>
    </row>
    <row r="150" spans="1:10" ht="28.5" customHeight="1" x14ac:dyDescent="0.15">
      <c r="A150" s="8" t="s">
        <v>23</v>
      </c>
      <c r="B150" s="9" t="s">
        <v>24</v>
      </c>
      <c r="C150" s="10" t="s">
        <v>43</v>
      </c>
      <c r="D150" s="10" t="s">
        <v>76</v>
      </c>
      <c r="E150" s="32">
        <v>131</v>
      </c>
      <c r="F150" s="11" t="s">
        <v>205</v>
      </c>
      <c r="G150" s="12">
        <v>87858</v>
      </c>
      <c r="H150" s="1" t="s">
        <v>204</v>
      </c>
      <c r="I150" s="27">
        <v>5020001045673</v>
      </c>
      <c r="J150" s="13">
        <v>43650</v>
      </c>
    </row>
    <row r="151" spans="1:10" ht="28.5" customHeight="1" x14ac:dyDescent="0.15">
      <c r="A151" s="8" t="s">
        <v>23</v>
      </c>
      <c r="B151" s="9" t="s">
        <v>24</v>
      </c>
      <c r="C151" s="10" t="s">
        <v>43</v>
      </c>
      <c r="D151" s="10" t="s">
        <v>76</v>
      </c>
      <c r="E151" s="32">
        <v>141</v>
      </c>
      <c r="F151" s="11" t="s">
        <v>132</v>
      </c>
      <c r="G151" s="12">
        <v>34536</v>
      </c>
      <c r="H151" s="1" t="s">
        <v>133</v>
      </c>
      <c r="I151" s="27">
        <v>3120101003135</v>
      </c>
      <c r="J151" s="13">
        <v>43655</v>
      </c>
    </row>
    <row r="152" spans="1:10" ht="28.5" customHeight="1" x14ac:dyDescent="0.15">
      <c r="A152" s="8" t="s">
        <v>23</v>
      </c>
      <c r="B152" s="9" t="s">
        <v>24</v>
      </c>
      <c r="C152" s="10" t="s">
        <v>43</v>
      </c>
      <c r="D152" s="10" t="s">
        <v>76</v>
      </c>
      <c r="E152" s="32">
        <v>143</v>
      </c>
      <c r="F152" s="11" t="s">
        <v>129</v>
      </c>
      <c r="G152" s="12">
        <v>42783</v>
      </c>
      <c r="H152" s="1" t="s">
        <v>60</v>
      </c>
      <c r="I152" s="27" t="s">
        <v>39</v>
      </c>
      <c r="J152" s="13">
        <v>43662</v>
      </c>
    </row>
    <row r="153" spans="1:10" ht="28.5" customHeight="1" x14ac:dyDescent="0.15">
      <c r="A153" s="8" t="s">
        <v>23</v>
      </c>
      <c r="B153" s="9" t="s">
        <v>24</v>
      </c>
      <c r="C153" s="10" t="s">
        <v>43</v>
      </c>
      <c r="D153" s="10" t="s">
        <v>76</v>
      </c>
      <c r="E153" s="32">
        <v>161</v>
      </c>
      <c r="F153" s="11" t="s">
        <v>119</v>
      </c>
      <c r="G153" s="12">
        <v>96552</v>
      </c>
      <c r="H153" s="1" t="s">
        <v>120</v>
      </c>
      <c r="I153" s="27">
        <v>5430001028059</v>
      </c>
      <c r="J153" s="13">
        <v>43686</v>
      </c>
    </row>
    <row r="154" spans="1:10" ht="28.5" customHeight="1" x14ac:dyDescent="0.15">
      <c r="A154" s="8" t="s">
        <v>23</v>
      </c>
      <c r="B154" s="9" t="s">
        <v>24</v>
      </c>
      <c r="C154" s="10" t="s">
        <v>43</v>
      </c>
      <c r="D154" s="10" t="s">
        <v>76</v>
      </c>
      <c r="E154" s="32">
        <v>162</v>
      </c>
      <c r="F154" s="11" t="s">
        <v>103</v>
      </c>
      <c r="G154" s="12">
        <v>71010</v>
      </c>
      <c r="H154" s="1" t="s">
        <v>60</v>
      </c>
      <c r="I154" s="27" t="s">
        <v>39</v>
      </c>
      <c r="J154" s="13">
        <v>43686</v>
      </c>
    </row>
    <row r="155" spans="1:10" ht="28.5" customHeight="1" x14ac:dyDescent="0.15">
      <c r="A155" s="8" t="s">
        <v>23</v>
      </c>
      <c r="B155" s="9" t="s">
        <v>24</v>
      </c>
      <c r="C155" s="10" t="s">
        <v>43</v>
      </c>
      <c r="D155" s="10" t="s">
        <v>76</v>
      </c>
      <c r="E155" s="32">
        <v>171</v>
      </c>
      <c r="F155" s="11" t="s">
        <v>164</v>
      </c>
      <c r="G155" s="12">
        <v>41629</v>
      </c>
      <c r="H155" s="1" t="s">
        <v>60</v>
      </c>
      <c r="I155" s="27" t="s">
        <v>39</v>
      </c>
      <c r="J155" s="13">
        <v>43703</v>
      </c>
    </row>
    <row r="156" spans="1:10" ht="28.5" customHeight="1" x14ac:dyDescent="0.15">
      <c r="A156" s="8" t="s">
        <v>23</v>
      </c>
      <c r="B156" s="9" t="s">
        <v>24</v>
      </c>
      <c r="C156" s="10" t="s">
        <v>43</v>
      </c>
      <c r="D156" s="10" t="s">
        <v>76</v>
      </c>
      <c r="E156" s="32">
        <v>172</v>
      </c>
      <c r="F156" s="11" t="s">
        <v>168</v>
      </c>
      <c r="G156" s="12">
        <v>47089</v>
      </c>
      <c r="H156" s="1" t="s">
        <v>133</v>
      </c>
      <c r="I156" s="27">
        <v>3120101003135</v>
      </c>
      <c r="J156" s="13">
        <v>43703</v>
      </c>
    </row>
    <row r="157" spans="1:10" ht="28.5" customHeight="1" x14ac:dyDescent="0.15">
      <c r="A157" s="8" t="s">
        <v>23</v>
      </c>
      <c r="B157" s="9" t="s">
        <v>24</v>
      </c>
      <c r="C157" s="10" t="s">
        <v>43</v>
      </c>
      <c r="D157" s="10" t="s">
        <v>76</v>
      </c>
      <c r="E157" s="32">
        <v>174</v>
      </c>
      <c r="F157" s="11" t="s">
        <v>110</v>
      </c>
      <c r="G157" s="12">
        <v>66150</v>
      </c>
      <c r="H157" s="1" t="s">
        <v>78</v>
      </c>
      <c r="I157" s="27">
        <v>5021002040110</v>
      </c>
      <c r="J157" s="13">
        <v>43707</v>
      </c>
    </row>
    <row r="158" spans="1:10" ht="28.5" customHeight="1" x14ac:dyDescent="0.15">
      <c r="A158" s="8" t="s">
        <v>23</v>
      </c>
      <c r="B158" s="9" t="s">
        <v>24</v>
      </c>
      <c r="C158" s="10" t="s">
        <v>43</v>
      </c>
      <c r="D158" s="10" t="s">
        <v>76</v>
      </c>
      <c r="E158" s="32">
        <v>181</v>
      </c>
      <c r="F158" s="11" t="s">
        <v>198</v>
      </c>
      <c r="G158" s="12">
        <v>1347</v>
      </c>
      <c r="H158" s="1" t="s">
        <v>199</v>
      </c>
      <c r="I158" s="27" t="s">
        <v>39</v>
      </c>
      <c r="J158" s="13">
        <v>43712</v>
      </c>
    </row>
    <row r="159" spans="1:10" ht="28.5" customHeight="1" x14ac:dyDescent="0.15">
      <c r="A159" s="8" t="s">
        <v>23</v>
      </c>
      <c r="B159" s="9" t="s">
        <v>24</v>
      </c>
      <c r="C159" s="10" t="s">
        <v>43</v>
      </c>
      <c r="D159" s="10" t="s">
        <v>76</v>
      </c>
      <c r="E159" s="32">
        <v>184</v>
      </c>
      <c r="F159" s="11" t="s">
        <v>77</v>
      </c>
      <c r="G159" s="12">
        <v>32378</v>
      </c>
      <c r="H159" s="1" t="s">
        <v>78</v>
      </c>
      <c r="I159" s="27">
        <v>5021002040110</v>
      </c>
      <c r="J159" s="13">
        <v>43721</v>
      </c>
    </row>
    <row r="160" spans="1:10" ht="28.5" customHeight="1" x14ac:dyDescent="0.15">
      <c r="A160" s="8" t="s">
        <v>23</v>
      </c>
      <c r="B160" s="9" t="s">
        <v>24</v>
      </c>
      <c r="C160" s="10" t="s">
        <v>43</v>
      </c>
      <c r="D160" s="10" t="s">
        <v>55</v>
      </c>
      <c r="E160" s="32">
        <v>295</v>
      </c>
      <c r="F160" s="11" t="s">
        <v>345</v>
      </c>
      <c r="G160" s="12">
        <v>4147</v>
      </c>
      <c r="H160" s="1" t="s">
        <v>346</v>
      </c>
      <c r="I160" s="27">
        <v>1030001004269</v>
      </c>
      <c r="J160" s="13">
        <v>43647</v>
      </c>
    </row>
    <row r="161" spans="1:10" ht="28.5" customHeight="1" x14ac:dyDescent="0.15">
      <c r="A161" s="8" t="s">
        <v>23</v>
      </c>
      <c r="B161" s="9" t="s">
        <v>24</v>
      </c>
      <c r="C161" s="10" t="s">
        <v>43</v>
      </c>
      <c r="D161" s="10" t="s">
        <v>55</v>
      </c>
      <c r="E161" s="32">
        <v>299</v>
      </c>
      <c r="F161" s="11" t="s">
        <v>239</v>
      </c>
      <c r="G161" s="12">
        <v>8350</v>
      </c>
      <c r="H161" s="1" t="s">
        <v>240</v>
      </c>
      <c r="I161" s="27">
        <v>4020001020818</v>
      </c>
      <c r="J161" s="13">
        <v>43647</v>
      </c>
    </row>
    <row r="162" spans="1:10" ht="28.5" customHeight="1" x14ac:dyDescent="0.15">
      <c r="A162" s="8" t="s">
        <v>23</v>
      </c>
      <c r="B162" s="9" t="s">
        <v>24</v>
      </c>
      <c r="C162" s="10" t="s">
        <v>43</v>
      </c>
      <c r="D162" s="10" t="s">
        <v>55</v>
      </c>
      <c r="E162" s="32">
        <v>314</v>
      </c>
      <c r="F162" s="11" t="s">
        <v>318</v>
      </c>
      <c r="G162" s="12">
        <v>63180</v>
      </c>
      <c r="H162" s="1" t="s">
        <v>319</v>
      </c>
      <c r="I162" s="27">
        <v>3021001036680</v>
      </c>
      <c r="J162" s="13">
        <v>43651</v>
      </c>
    </row>
    <row r="163" spans="1:10" ht="28.5" customHeight="1" x14ac:dyDescent="0.15">
      <c r="A163" s="8" t="s">
        <v>23</v>
      </c>
      <c r="B163" s="9" t="s">
        <v>24</v>
      </c>
      <c r="C163" s="10" t="s">
        <v>43</v>
      </c>
      <c r="D163" s="10" t="s">
        <v>55</v>
      </c>
      <c r="E163" s="32">
        <v>322</v>
      </c>
      <c r="F163" s="11" t="s">
        <v>310</v>
      </c>
      <c r="G163" s="12">
        <v>48816</v>
      </c>
      <c r="H163" s="1" t="s">
        <v>287</v>
      </c>
      <c r="I163" s="27">
        <v>1021001021387</v>
      </c>
      <c r="J163" s="13">
        <v>43656</v>
      </c>
    </row>
    <row r="164" spans="1:10" ht="28.5" customHeight="1" x14ac:dyDescent="0.15">
      <c r="A164" s="8" t="s">
        <v>23</v>
      </c>
      <c r="B164" s="9" t="s">
        <v>24</v>
      </c>
      <c r="C164" s="10" t="s">
        <v>43</v>
      </c>
      <c r="D164" s="10" t="s">
        <v>55</v>
      </c>
      <c r="E164" s="32">
        <v>353</v>
      </c>
      <c r="F164" s="11" t="s">
        <v>334</v>
      </c>
      <c r="G164" s="12">
        <v>44550</v>
      </c>
      <c r="H164" s="1" t="s">
        <v>309</v>
      </c>
      <c r="I164" s="27">
        <v>4070001011201</v>
      </c>
      <c r="J164" s="13">
        <v>43665</v>
      </c>
    </row>
    <row r="165" spans="1:10" ht="28.5" customHeight="1" x14ac:dyDescent="0.15">
      <c r="A165" s="8" t="s">
        <v>23</v>
      </c>
      <c r="B165" s="9" t="s">
        <v>24</v>
      </c>
      <c r="C165" s="10" t="s">
        <v>43</v>
      </c>
      <c r="D165" s="10" t="s">
        <v>55</v>
      </c>
      <c r="E165" s="32">
        <v>356</v>
      </c>
      <c r="F165" s="11" t="s">
        <v>317</v>
      </c>
      <c r="G165" s="12">
        <v>77301</v>
      </c>
      <c r="H165" s="1" t="s">
        <v>57</v>
      </c>
      <c r="I165" s="27">
        <v>6021002057079</v>
      </c>
      <c r="J165" s="13">
        <v>43668</v>
      </c>
    </row>
    <row r="166" spans="1:10" ht="28.5" customHeight="1" x14ac:dyDescent="0.15">
      <c r="A166" s="8" t="s">
        <v>23</v>
      </c>
      <c r="B166" s="9" t="s">
        <v>24</v>
      </c>
      <c r="C166" s="10" t="s">
        <v>43</v>
      </c>
      <c r="D166" s="10" t="s">
        <v>55</v>
      </c>
      <c r="E166" s="32">
        <v>366</v>
      </c>
      <c r="F166" s="11" t="s">
        <v>342</v>
      </c>
      <c r="G166" s="12">
        <v>5400</v>
      </c>
      <c r="H166" s="1" t="s">
        <v>322</v>
      </c>
      <c r="I166" s="27">
        <v>2060001001667</v>
      </c>
      <c r="J166" s="13">
        <v>43670</v>
      </c>
    </row>
    <row r="167" spans="1:10" ht="28.5" customHeight="1" x14ac:dyDescent="0.15">
      <c r="A167" s="8" t="s">
        <v>23</v>
      </c>
      <c r="B167" s="9" t="s">
        <v>24</v>
      </c>
      <c r="C167" s="10" t="s">
        <v>43</v>
      </c>
      <c r="D167" s="10" t="s">
        <v>55</v>
      </c>
      <c r="E167" s="32">
        <v>371</v>
      </c>
      <c r="F167" s="11" t="s">
        <v>328</v>
      </c>
      <c r="G167" s="12">
        <v>35262</v>
      </c>
      <c r="H167" s="1" t="s">
        <v>329</v>
      </c>
      <c r="I167" s="27">
        <v>1021001022583</v>
      </c>
      <c r="J167" s="13">
        <v>43672</v>
      </c>
    </row>
    <row r="168" spans="1:10" ht="28.5" customHeight="1" x14ac:dyDescent="0.15">
      <c r="A168" s="8" t="s">
        <v>23</v>
      </c>
      <c r="B168" s="9" t="s">
        <v>24</v>
      </c>
      <c r="C168" s="10" t="s">
        <v>43</v>
      </c>
      <c r="D168" s="10" t="s">
        <v>55</v>
      </c>
      <c r="E168" s="32">
        <v>378</v>
      </c>
      <c r="F168" s="11" t="s">
        <v>315</v>
      </c>
      <c r="G168" s="12">
        <v>9713</v>
      </c>
      <c r="H168" s="1" t="s">
        <v>316</v>
      </c>
      <c r="I168" s="27">
        <v>7021001007430</v>
      </c>
      <c r="J168" s="13">
        <v>43672</v>
      </c>
    </row>
    <row r="169" spans="1:10" ht="28.5" customHeight="1" x14ac:dyDescent="0.15">
      <c r="A169" s="8" t="s">
        <v>23</v>
      </c>
      <c r="B169" s="9" t="s">
        <v>24</v>
      </c>
      <c r="C169" s="10" t="s">
        <v>43</v>
      </c>
      <c r="D169" s="10" t="s">
        <v>55</v>
      </c>
      <c r="E169" s="32">
        <v>392</v>
      </c>
      <c r="F169" s="11" t="s">
        <v>235</v>
      </c>
      <c r="G169" s="12">
        <v>46980</v>
      </c>
      <c r="H169" s="1" t="s">
        <v>64</v>
      </c>
      <c r="I169" s="27">
        <v>6021001036851</v>
      </c>
      <c r="J169" s="13">
        <v>43679</v>
      </c>
    </row>
    <row r="170" spans="1:10" ht="28.5" customHeight="1" x14ac:dyDescent="0.15">
      <c r="A170" s="8" t="s">
        <v>23</v>
      </c>
      <c r="B170" s="9" t="s">
        <v>24</v>
      </c>
      <c r="C170" s="10" t="s">
        <v>43</v>
      </c>
      <c r="D170" s="10" t="s">
        <v>55</v>
      </c>
      <c r="E170" s="32">
        <v>425</v>
      </c>
      <c r="F170" s="11" t="s">
        <v>308</v>
      </c>
      <c r="G170" s="12">
        <v>6372</v>
      </c>
      <c r="H170" s="1" t="s">
        <v>309</v>
      </c>
      <c r="I170" s="27">
        <v>4070001011201</v>
      </c>
      <c r="J170" s="13">
        <v>43697</v>
      </c>
    </row>
    <row r="171" spans="1:10" ht="28.5" customHeight="1" x14ac:dyDescent="0.15">
      <c r="A171" s="8" t="s">
        <v>23</v>
      </c>
      <c r="B171" s="9" t="s">
        <v>24</v>
      </c>
      <c r="C171" s="10" t="s">
        <v>43</v>
      </c>
      <c r="D171" s="10" t="s">
        <v>55</v>
      </c>
      <c r="E171" s="32">
        <v>428</v>
      </c>
      <c r="F171" s="11" t="s">
        <v>330</v>
      </c>
      <c r="G171" s="12">
        <v>44928</v>
      </c>
      <c r="H171" s="1" t="s">
        <v>316</v>
      </c>
      <c r="I171" s="27">
        <v>7021001007430</v>
      </c>
      <c r="J171" s="13">
        <v>43700</v>
      </c>
    </row>
    <row r="172" spans="1:10" ht="28.5" customHeight="1" x14ac:dyDescent="0.15">
      <c r="A172" s="8" t="s">
        <v>23</v>
      </c>
      <c r="B172" s="9" t="s">
        <v>24</v>
      </c>
      <c r="C172" s="10" t="s">
        <v>43</v>
      </c>
      <c r="D172" s="10" t="s">
        <v>55</v>
      </c>
      <c r="E172" s="32">
        <v>432</v>
      </c>
      <c r="F172" s="11" t="s">
        <v>325</v>
      </c>
      <c r="G172" s="12">
        <v>22705</v>
      </c>
      <c r="H172" s="1" t="s">
        <v>118</v>
      </c>
      <c r="I172" s="27">
        <v>2020001021339</v>
      </c>
      <c r="J172" s="13">
        <v>43704</v>
      </c>
    </row>
    <row r="173" spans="1:10" ht="28.5" customHeight="1" x14ac:dyDescent="0.15">
      <c r="A173" s="8" t="s">
        <v>23</v>
      </c>
      <c r="B173" s="9" t="s">
        <v>24</v>
      </c>
      <c r="C173" s="10" t="s">
        <v>43</v>
      </c>
      <c r="D173" s="10" t="s">
        <v>55</v>
      </c>
      <c r="E173" s="32">
        <v>435</v>
      </c>
      <c r="F173" s="11" t="s">
        <v>320</v>
      </c>
      <c r="G173" s="12">
        <v>71092</v>
      </c>
      <c r="H173" s="1" t="s">
        <v>57</v>
      </c>
      <c r="I173" s="27">
        <v>6021002057079</v>
      </c>
      <c r="J173" s="13">
        <v>43704</v>
      </c>
    </row>
    <row r="174" spans="1:10" ht="28.5" customHeight="1" x14ac:dyDescent="0.15">
      <c r="A174" s="8" t="s">
        <v>23</v>
      </c>
      <c r="B174" s="9" t="s">
        <v>24</v>
      </c>
      <c r="C174" s="10" t="s">
        <v>43</v>
      </c>
      <c r="D174" s="10" t="s">
        <v>55</v>
      </c>
      <c r="E174" s="32">
        <v>436</v>
      </c>
      <c r="F174" s="11" t="s">
        <v>56</v>
      </c>
      <c r="G174" s="12">
        <v>41724</v>
      </c>
      <c r="H174" s="1" t="s">
        <v>57</v>
      </c>
      <c r="I174" s="27">
        <v>6021002057079</v>
      </c>
      <c r="J174" s="13">
        <v>43704</v>
      </c>
    </row>
    <row r="175" spans="1:10" ht="28.5" customHeight="1" x14ac:dyDescent="0.15">
      <c r="A175" s="8" t="s">
        <v>23</v>
      </c>
      <c r="B175" s="9" t="s">
        <v>24</v>
      </c>
      <c r="C175" s="10" t="s">
        <v>43</v>
      </c>
      <c r="D175" s="10" t="s">
        <v>55</v>
      </c>
      <c r="E175" s="32">
        <v>442</v>
      </c>
      <c r="F175" s="11" t="s">
        <v>300</v>
      </c>
      <c r="G175" s="12">
        <v>27473</v>
      </c>
      <c r="H175" s="1" t="s">
        <v>225</v>
      </c>
      <c r="I175" s="27">
        <v>3021002012598</v>
      </c>
      <c r="J175" s="13">
        <v>43710</v>
      </c>
    </row>
    <row r="176" spans="1:10" ht="28.5" customHeight="1" x14ac:dyDescent="0.15">
      <c r="A176" s="8" t="s">
        <v>23</v>
      </c>
      <c r="B176" s="9" t="s">
        <v>24</v>
      </c>
      <c r="C176" s="10" t="s">
        <v>43</v>
      </c>
      <c r="D176" s="10" t="s">
        <v>55</v>
      </c>
      <c r="E176" s="32">
        <v>443</v>
      </c>
      <c r="F176" s="11" t="s">
        <v>339</v>
      </c>
      <c r="G176" s="12">
        <v>47088</v>
      </c>
      <c r="H176" s="1" t="s">
        <v>64</v>
      </c>
      <c r="I176" s="27">
        <v>6021001036851</v>
      </c>
      <c r="J176" s="13">
        <v>43710</v>
      </c>
    </row>
    <row r="177" spans="1:10" ht="28.5" customHeight="1" x14ac:dyDescent="0.15">
      <c r="A177" s="8" t="s">
        <v>23</v>
      </c>
      <c r="B177" s="9" t="s">
        <v>24</v>
      </c>
      <c r="C177" s="10" t="s">
        <v>43</v>
      </c>
      <c r="D177" s="10" t="s">
        <v>55</v>
      </c>
      <c r="E177" s="32">
        <v>455</v>
      </c>
      <c r="F177" s="11" t="s">
        <v>231</v>
      </c>
      <c r="G177" s="12">
        <v>38289</v>
      </c>
      <c r="H177" s="1" t="s">
        <v>225</v>
      </c>
      <c r="I177" s="27">
        <v>3021002012598</v>
      </c>
      <c r="J177" s="13">
        <v>43712</v>
      </c>
    </row>
    <row r="178" spans="1:10" ht="28.5" customHeight="1" x14ac:dyDescent="0.15">
      <c r="A178" s="8" t="s">
        <v>23</v>
      </c>
      <c r="B178" s="9" t="s">
        <v>24</v>
      </c>
      <c r="C178" s="10" t="s">
        <v>43</v>
      </c>
      <c r="D178" s="10" t="s">
        <v>55</v>
      </c>
      <c r="E178" s="32">
        <v>476</v>
      </c>
      <c r="F178" s="11" t="s">
        <v>459</v>
      </c>
      <c r="G178" s="12">
        <v>15552</v>
      </c>
      <c r="H178" s="1" t="s">
        <v>460</v>
      </c>
      <c r="I178" s="27" t="s">
        <v>39</v>
      </c>
      <c r="J178" s="13">
        <v>43721</v>
      </c>
    </row>
    <row r="179" spans="1:10" ht="28.5" customHeight="1" x14ac:dyDescent="0.15">
      <c r="A179" s="8" t="s">
        <v>23</v>
      </c>
      <c r="B179" s="9" t="s">
        <v>24</v>
      </c>
      <c r="C179" s="10" t="s">
        <v>43</v>
      </c>
      <c r="D179" s="10" t="s">
        <v>55</v>
      </c>
      <c r="E179" s="32">
        <v>482</v>
      </c>
      <c r="F179" s="11" t="s">
        <v>350</v>
      </c>
      <c r="G179" s="12">
        <v>44280</v>
      </c>
      <c r="H179" s="1" t="s">
        <v>309</v>
      </c>
      <c r="I179" s="27">
        <v>4070001011201</v>
      </c>
      <c r="J179" s="13">
        <v>43725</v>
      </c>
    </row>
    <row r="180" spans="1:10" ht="28.5" customHeight="1" x14ac:dyDescent="0.15">
      <c r="A180" s="8" t="s">
        <v>23</v>
      </c>
      <c r="B180" s="9" t="s">
        <v>24</v>
      </c>
      <c r="C180" s="10" t="s">
        <v>43</v>
      </c>
      <c r="D180" s="10" t="s">
        <v>55</v>
      </c>
      <c r="E180" s="32">
        <v>496</v>
      </c>
      <c r="F180" s="11" t="s">
        <v>313</v>
      </c>
      <c r="G180" s="12">
        <v>40920</v>
      </c>
      <c r="H180" s="1" t="s">
        <v>314</v>
      </c>
      <c r="I180" s="27">
        <v>7021001036611</v>
      </c>
      <c r="J180" s="13">
        <v>43728</v>
      </c>
    </row>
    <row r="181" spans="1:10" ht="28.5" customHeight="1" x14ac:dyDescent="0.15">
      <c r="A181" s="8" t="s">
        <v>23</v>
      </c>
      <c r="B181" s="9" t="s">
        <v>24</v>
      </c>
      <c r="C181" s="10" t="s">
        <v>43</v>
      </c>
      <c r="D181" s="10" t="s">
        <v>55</v>
      </c>
      <c r="E181" s="32">
        <v>500</v>
      </c>
      <c r="F181" s="11" t="s">
        <v>321</v>
      </c>
      <c r="G181" s="12">
        <v>30402</v>
      </c>
      <c r="H181" s="1" t="s">
        <v>322</v>
      </c>
      <c r="I181" s="27">
        <v>2060001001667</v>
      </c>
      <c r="J181" s="13">
        <v>43728</v>
      </c>
    </row>
    <row r="182" spans="1:10" ht="28.5" customHeight="1" x14ac:dyDescent="0.15">
      <c r="A182" s="8" t="s">
        <v>23</v>
      </c>
      <c r="B182" s="9" t="s">
        <v>24</v>
      </c>
      <c r="C182" s="10" t="s">
        <v>43</v>
      </c>
      <c r="D182" s="10" t="s">
        <v>55</v>
      </c>
      <c r="E182" s="32">
        <v>503</v>
      </c>
      <c r="F182" s="11" t="s">
        <v>347</v>
      </c>
      <c r="G182" s="12">
        <v>5340</v>
      </c>
      <c r="H182" s="1" t="s">
        <v>64</v>
      </c>
      <c r="I182" s="27">
        <v>6021001036851</v>
      </c>
      <c r="J182" s="13">
        <v>43728</v>
      </c>
    </row>
    <row r="183" spans="1:10" ht="28.5" customHeight="1" x14ac:dyDescent="0.15">
      <c r="A183" s="8" t="s">
        <v>23</v>
      </c>
      <c r="B183" s="9" t="s">
        <v>24</v>
      </c>
      <c r="C183" s="10" t="s">
        <v>43</v>
      </c>
      <c r="D183" s="10" t="s">
        <v>55</v>
      </c>
      <c r="E183" s="32">
        <v>517</v>
      </c>
      <c r="F183" s="11" t="s">
        <v>220</v>
      </c>
      <c r="G183" s="12">
        <v>78925</v>
      </c>
      <c r="H183" s="1" t="s">
        <v>60</v>
      </c>
      <c r="I183" s="27" t="s">
        <v>39</v>
      </c>
      <c r="J183" s="13">
        <v>43735</v>
      </c>
    </row>
    <row r="184" spans="1:10" ht="28.5" customHeight="1" x14ac:dyDescent="0.15">
      <c r="A184" s="8" t="s">
        <v>23</v>
      </c>
      <c r="B184" s="9" t="s">
        <v>24</v>
      </c>
      <c r="C184" s="10" t="s">
        <v>43</v>
      </c>
      <c r="D184" s="10" t="s">
        <v>55</v>
      </c>
      <c r="E184" s="32">
        <v>530</v>
      </c>
      <c r="F184" s="11" t="s">
        <v>332</v>
      </c>
      <c r="G184" s="12">
        <v>19800</v>
      </c>
      <c r="H184" s="1" t="s">
        <v>333</v>
      </c>
      <c r="I184" s="27">
        <v>4021002057782</v>
      </c>
      <c r="J184" s="13">
        <v>43738</v>
      </c>
    </row>
    <row r="185" spans="1:10" ht="28.5" customHeight="1" x14ac:dyDescent="0.15">
      <c r="A185" s="8" t="s">
        <v>23</v>
      </c>
      <c r="B185" s="9" t="s">
        <v>24</v>
      </c>
      <c r="C185" s="10" t="s">
        <v>43</v>
      </c>
      <c r="D185" s="10" t="s">
        <v>253</v>
      </c>
      <c r="E185" s="32">
        <v>228</v>
      </c>
      <c r="F185" s="11" t="s">
        <v>381</v>
      </c>
      <c r="G185" s="12">
        <v>46656</v>
      </c>
      <c r="H185" s="1" t="s">
        <v>118</v>
      </c>
      <c r="I185" s="27">
        <v>2020001021339</v>
      </c>
      <c r="J185" s="13">
        <v>43648</v>
      </c>
    </row>
    <row r="186" spans="1:10" ht="28.5" customHeight="1" x14ac:dyDescent="0.15">
      <c r="A186" s="8" t="s">
        <v>23</v>
      </c>
      <c r="B186" s="9" t="s">
        <v>24</v>
      </c>
      <c r="C186" s="10" t="s">
        <v>43</v>
      </c>
      <c r="D186" s="10" t="s">
        <v>253</v>
      </c>
      <c r="E186" s="32">
        <v>246</v>
      </c>
      <c r="F186" s="11" t="s">
        <v>370</v>
      </c>
      <c r="G186" s="12">
        <v>40770</v>
      </c>
      <c r="H186" s="1" t="s">
        <v>158</v>
      </c>
      <c r="I186" s="27">
        <v>5021001016219</v>
      </c>
      <c r="J186" s="13">
        <v>43671</v>
      </c>
    </row>
    <row r="187" spans="1:10" ht="28.5" customHeight="1" x14ac:dyDescent="0.15">
      <c r="A187" s="8" t="s">
        <v>23</v>
      </c>
      <c r="B187" s="9" t="s">
        <v>24</v>
      </c>
      <c r="C187" s="10" t="s">
        <v>43</v>
      </c>
      <c r="D187" s="10" t="s">
        <v>253</v>
      </c>
      <c r="E187" s="32">
        <v>247</v>
      </c>
      <c r="F187" s="11" t="s">
        <v>424</v>
      </c>
      <c r="G187" s="12">
        <v>37346</v>
      </c>
      <c r="H187" s="1" t="s">
        <v>154</v>
      </c>
      <c r="I187" s="27">
        <v>2021001016122</v>
      </c>
      <c r="J187" s="13">
        <v>43675</v>
      </c>
    </row>
    <row r="188" spans="1:10" ht="28.5" customHeight="1" x14ac:dyDescent="0.15">
      <c r="A188" s="8" t="s">
        <v>23</v>
      </c>
      <c r="B188" s="9" t="s">
        <v>24</v>
      </c>
      <c r="C188" s="10" t="s">
        <v>43</v>
      </c>
      <c r="D188" s="10" t="s">
        <v>253</v>
      </c>
      <c r="E188" s="32">
        <v>248</v>
      </c>
      <c r="F188" s="11" t="s">
        <v>425</v>
      </c>
      <c r="G188" s="12">
        <v>84164</v>
      </c>
      <c r="H188" s="1" t="s">
        <v>154</v>
      </c>
      <c r="I188" s="27">
        <v>2021001016122</v>
      </c>
      <c r="J188" s="13">
        <v>43675</v>
      </c>
    </row>
    <row r="189" spans="1:10" ht="28.5" customHeight="1" x14ac:dyDescent="0.15">
      <c r="A189" s="8" t="s">
        <v>23</v>
      </c>
      <c r="B189" s="9" t="s">
        <v>24</v>
      </c>
      <c r="C189" s="10" t="s">
        <v>43</v>
      </c>
      <c r="D189" s="10" t="s">
        <v>253</v>
      </c>
      <c r="E189" s="32">
        <v>249</v>
      </c>
      <c r="F189" s="11" t="s">
        <v>376</v>
      </c>
      <c r="G189" s="12">
        <v>49800</v>
      </c>
      <c r="H189" s="1" t="s">
        <v>356</v>
      </c>
      <c r="I189" s="27">
        <v>3070001006474</v>
      </c>
      <c r="J189" s="13">
        <v>43676</v>
      </c>
    </row>
    <row r="190" spans="1:10" ht="28.5" customHeight="1" x14ac:dyDescent="0.15">
      <c r="A190" s="8" t="s">
        <v>23</v>
      </c>
      <c r="B190" s="9" t="s">
        <v>24</v>
      </c>
      <c r="C190" s="10" t="s">
        <v>43</v>
      </c>
      <c r="D190" s="10" t="s">
        <v>253</v>
      </c>
      <c r="E190" s="32">
        <v>262</v>
      </c>
      <c r="F190" s="11" t="s">
        <v>383</v>
      </c>
      <c r="G190" s="12">
        <v>79380</v>
      </c>
      <c r="H190" s="1" t="s">
        <v>38</v>
      </c>
      <c r="I190" s="27" t="s">
        <v>39</v>
      </c>
      <c r="J190" s="13">
        <v>43685</v>
      </c>
    </row>
    <row r="191" spans="1:10" ht="28.5" customHeight="1" x14ac:dyDescent="0.15">
      <c r="A191" s="8" t="s">
        <v>23</v>
      </c>
      <c r="B191" s="9" t="s">
        <v>24</v>
      </c>
      <c r="C191" s="10" t="s">
        <v>43</v>
      </c>
      <c r="D191" s="10" t="s">
        <v>253</v>
      </c>
      <c r="E191" s="32">
        <v>267</v>
      </c>
      <c r="F191" s="11" t="s">
        <v>434</v>
      </c>
      <c r="G191" s="12">
        <v>3280</v>
      </c>
      <c r="H191" s="1" t="s">
        <v>356</v>
      </c>
      <c r="I191" s="27">
        <v>3070001006474</v>
      </c>
      <c r="J191" s="13">
        <v>43696</v>
      </c>
    </row>
    <row r="192" spans="1:10" ht="28.5" customHeight="1" x14ac:dyDescent="0.15">
      <c r="A192" s="8" t="s">
        <v>23</v>
      </c>
      <c r="B192" s="9" t="s">
        <v>24</v>
      </c>
      <c r="C192" s="10" t="s">
        <v>43</v>
      </c>
      <c r="D192" s="10" t="s">
        <v>253</v>
      </c>
      <c r="E192" s="32">
        <v>270</v>
      </c>
      <c r="F192" s="11" t="s">
        <v>387</v>
      </c>
      <c r="G192" s="12">
        <v>9504</v>
      </c>
      <c r="H192" s="1" t="s">
        <v>158</v>
      </c>
      <c r="I192" s="27">
        <v>5021001016219</v>
      </c>
      <c r="J192" s="13">
        <v>43698</v>
      </c>
    </row>
    <row r="193" spans="1:10" ht="28.5" customHeight="1" x14ac:dyDescent="0.15">
      <c r="A193" s="8" t="s">
        <v>23</v>
      </c>
      <c r="B193" s="9" t="s">
        <v>24</v>
      </c>
      <c r="C193" s="10" t="s">
        <v>43</v>
      </c>
      <c r="D193" s="10" t="s">
        <v>253</v>
      </c>
      <c r="E193" s="32">
        <v>272</v>
      </c>
      <c r="F193" s="11" t="s">
        <v>406</v>
      </c>
      <c r="G193" s="12">
        <v>93312</v>
      </c>
      <c r="H193" s="1" t="s">
        <v>407</v>
      </c>
      <c r="I193" s="27">
        <v>6021001043518</v>
      </c>
      <c r="J193" s="13">
        <v>43698</v>
      </c>
    </row>
    <row r="194" spans="1:10" ht="28.5" customHeight="1" x14ac:dyDescent="0.15">
      <c r="A194" s="8" t="s">
        <v>23</v>
      </c>
      <c r="B194" s="9" t="s">
        <v>24</v>
      </c>
      <c r="C194" s="10" t="s">
        <v>43</v>
      </c>
      <c r="D194" s="10" t="s">
        <v>253</v>
      </c>
      <c r="E194" s="32">
        <v>275</v>
      </c>
      <c r="F194" s="11" t="s">
        <v>384</v>
      </c>
      <c r="G194" s="12">
        <v>42120</v>
      </c>
      <c r="H194" s="1" t="s">
        <v>158</v>
      </c>
      <c r="I194" s="27">
        <v>5021001016219</v>
      </c>
      <c r="J194" s="13">
        <v>43700</v>
      </c>
    </row>
    <row r="195" spans="1:10" ht="28.5" customHeight="1" x14ac:dyDescent="0.15">
      <c r="A195" s="8" t="s">
        <v>23</v>
      </c>
      <c r="B195" s="9" t="s">
        <v>24</v>
      </c>
      <c r="C195" s="10" t="s">
        <v>43</v>
      </c>
      <c r="D195" s="10" t="s">
        <v>253</v>
      </c>
      <c r="E195" s="32">
        <v>284</v>
      </c>
      <c r="F195" s="11" t="s">
        <v>255</v>
      </c>
      <c r="G195" s="12">
        <v>39009</v>
      </c>
      <c r="H195" s="1" t="s">
        <v>154</v>
      </c>
      <c r="I195" s="27">
        <v>2021001016122</v>
      </c>
      <c r="J195" s="13">
        <v>43713</v>
      </c>
    </row>
    <row r="196" spans="1:10" ht="28.5" customHeight="1" x14ac:dyDescent="0.15">
      <c r="A196" s="8" t="s">
        <v>23</v>
      </c>
      <c r="B196" s="9" t="s">
        <v>24</v>
      </c>
      <c r="C196" s="10" t="s">
        <v>43</v>
      </c>
      <c r="D196" s="10" t="s">
        <v>253</v>
      </c>
      <c r="E196" s="32">
        <v>285</v>
      </c>
      <c r="F196" s="11" t="s">
        <v>256</v>
      </c>
      <c r="G196" s="12">
        <v>39906</v>
      </c>
      <c r="H196" s="1" t="s">
        <v>154</v>
      </c>
      <c r="I196" s="27">
        <v>2021001016122</v>
      </c>
      <c r="J196" s="13">
        <v>43713</v>
      </c>
    </row>
    <row r="197" spans="1:10" ht="28.5" customHeight="1" x14ac:dyDescent="0.15">
      <c r="A197" s="8" t="s">
        <v>23</v>
      </c>
      <c r="B197" s="9" t="s">
        <v>24</v>
      </c>
      <c r="C197" s="10" t="s">
        <v>43</v>
      </c>
      <c r="D197" s="10" t="s">
        <v>253</v>
      </c>
      <c r="E197" s="32">
        <v>289</v>
      </c>
      <c r="F197" s="11" t="s">
        <v>254</v>
      </c>
      <c r="G197" s="12">
        <v>35100</v>
      </c>
      <c r="H197" s="1" t="s">
        <v>85</v>
      </c>
      <c r="I197" s="27">
        <v>5021002029186</v>
      </c>
      <c r="J197" s="13">
        <v>43714</v>
      </c>
    </row>
    <row r="198" spans="1:10" ht="28.5" customHeight="1" x14ac:dyDescent="0.15">
      <c r="A198" s="8" t="s">
        <v>23</v>
      </c>
      <c r="B198" s="9" t="s">
        <v>24</v>
      </c>
      <c r="C198" s="10" t="s">
        <v>43</v>
      </c>
      <c r="D198" s="10" t="s">
        <v>253</v>
      </c>
      <c r="E198" s="32">
        <v>309</v>
      </c>
      <c r="F198" s="11" t="s">
        <v>392</v>
      </c>
      <c r="G198" s="12">
        <v>94608</v>
      </c>
      <c r="H198" s="1" t="s">
        <v>204</v>
      </c>
      <c r="I198" s="27">
        <v>5020001045673</v>
      </c>
      <c r="J198" s="13">
        <v>43728</v>
      </c>
    </row>
    <row r="199" spans="1:10" ht="28.5" customHeight="1" x14ac:dyDescent="0.15">
      <c r="A199" s="8" t="s">
        <v>23</v>
      </c>
      <c r="B199" s="9" t="s">
        <v>24</v>
      </c>
      <c r="C199" s="10" t="s">
        <v>29</v>
      </c>
      <c r="D199" s="10" t="s">
        <v>305</v>
      </c>
      <c r="E199" s="32">
        <v>333</v>
      </c>
      <c r="F199" s="11" t="s">
        <v>410</v>
      </c>
      <c r="G199" s="12">
        <v>2700</v>
      </c>
      <c r="H199" s="1" t="s">
        <v>85</v>
      </c>
      <c r="I199" s="27">
        <v>5021002029186</v>
      </c>
      <c r="J199" s="13">
        <v>43649</v>
      </c>
    </row>
    <row r="200" spans="1:10" ht="28.5" customHeight="1" x14ac:dyDescent="0.15">
      <c r="A200" s="8" t="s">
        <v>23</v>
      </c>
      <c r="B200" s="9" t="s">
        <v>24</v>
      </c>
      <c r="C200" s="10" t="s">
        <v>29</v>
      </c>
      <c r="D200" s="10" t="s">
        <v>305</v>
      </c>
      <c r="E200" s="32">
        <v>343</v>
      </c>
      <c r="F200" s="11" t="s">
        <v>400</v>
      </c>
      <c r="G200" s="12">
        <v>27540</v>
      </c>
      <c r="H200" s="1" t="s">
        <v>401</v>
      </c>
      <c r="I200" s="27">
        <v>3010101000721</v>
      </c>
      <c r="J200" s="13">
        <v>43651</v>
      </c>
    </row>
    <row r="201" spans="1:10" ht="28.5" customHeight="1" x14ac:dyDescent="0.15">
      <c r="A201" s="8" t="s">
        <v>23</v>
      </c>
      <c r="B201" s="9" t="s">
        <v>24</v>
      </c>
      <c r="C201" s="10" t="s">
        <v>29</v>
      </c>
      <c r="D201" s="10" t="s">
        <v>305</v>
      </c>
      <c r="E201" s="32">
        <v>352</v>
      </c>
      <c r="F201" s="11" t="s">
        <v>431</v>
      </c>
      <c r="G201" s="12">
        <v>34041</v>
      </c>
      <c r="H201" s="1" t="s">
        <v>432</v>
      </c>
      <c r="I201" s="27">
        <v>2021003001452</v>
      </c>
      <c r="J201" s="13">
        <v>43654</v>
      </c>
    </row>
    <row r="202" spans="1:10" ht="28.5" customHeight="1" x14ac:dyDescent="0.15">
      <c r="A202" s="8" t="s">
        <v>23</v>
      </c>
      <c r="B202" s="9" t="s">
        <v>24</v>
      </c>
      <c r="C202" s="10" t="s">
        <v>29</v>
      </c>
      <c r="D202" s="10" t="s">
        <v>305</v>
      </c>
      <c r="E202" s="32">
        <v>356</v>
      </c>
      <c r="F202" s="11" t="s">
        <v>366</v>
      </c>
      <c r="G202" s="12">
        <v>33372</v>
      </c>
      <c r="H202" s="1" t="s">
        <v>367</v>
      </c>
      <c r="I202" s="27">
        <v>1011001022683</v>
      </c>
      <c r="J202" s="13">
        <v>43656</v>
      </c>
    </row>
    <row r="203" spans="1:10" ht="28.5" customHeight="1" x14ac:dyDescent="0.15">
      <c r="A203" s="8" t="s">
        <v>23</v>
      </c>
      <c r="B203" s="9" t="s">
        <v>24</v>
      </c>
      <c r="C203" s="10" t="s">
        <v>29</v>
      </c>
      <c r="D203" s="10" t="s">
        <v>305</v>
      </c>
      <c r="E203" s="32">
        <v>389</v>
      </c>
      <c r="F203" s="11" t="s">
        <v>411</v>
      </c>
      <c r="G203" s="12">
        <v>12400</v>
      </c>
      <c r="H203" s="1" t="s">
        <v>412</v>
      </c>
      <c r="I203" s="27">
        <v>7010405000967</v>
      </c>
      <c r="J203" s="13">
        <v>43669</v>
      </c>
    </row>
    <row r="204" spans="1:10" ht="28.5" customHeight="1" x14ac:dyDescent="0.15">
      <c r="A204" s="8" t="s">
        <v>23</v>
      </c>
      <c r="B204" s="9" t="s">
        <v>24</v>
      </c>
      <c r="C204" s="10" t="s">
        <v>29</v>
      </c>
      <c r="D204" s="10" t="s">
        <v>305</v>
      </c>
      <c r="E204" s="32">
        <v>424</v>
      </c>
      <c r="F204" s="11" t="s">
        <v>416</v>
      </c>
      <c r="G204" s="12">
        <v>51840</v>
      </c>
      <c r="H204" s="1" t="s">
        <v>417</v>
      </c>
      <c r="I204" s="27">
        <v>5290801002046</v>
      </c>
      <c r="J204" s="13">
        <v>43690</v>
      </c>
    </row>
    <row r="205" spans="1:10" ht="28.5" customHeight="1" x14ac:dyDescent="0.15">
      <c r="A205" s="8" t="s">
        <v>23</v>
      </c>
      <c r="B205" s="9" t="s">
        <v>24</v>
      </c>
      <c r="C205" s="10" t="s">
        <v>29</v>
      </c>
      <c r="D205" s="10" t="s">
        <v>305</v>
      </c>
      <c r="E205" s="32">
        <v>435</v>
      </c>
      <c r="F205" s="11" t="s">
        <v>382</v>
      </c>
      <c r="G205" s="12">
        <v>25920</v>
      </c>
      <c r="H205" s="1" t="s">
        <v>118</v>
      </c>
      <c r="I205" s="27">
        <v>2020001021339</v>
      </c>
      <c r="J205" s="13">
        <v>43697</v>
      </c>
    </row>
    <row r="206" spans="1:10" ht="28.5" customHeight="1" x14ac:dyDescent="0.15">
      <c r="A206" s="8" t="s">
        <v>23</v>
      </c>
      <c r="B206" s="9" t="s">
        <v>24</v>
      </c>
      <c r="C206" s="10" t="s">
        <v>35</v>
      </c>
      <c r="D206" s="10" t="s">
        <v>305</v>
      </c>
      <c r="E206" s="32">
        <v>324</v>
      </c>
      <c r="F206" s="11" t="s">
        <v>415</v>
      </c>
      <c r="G206" s="12">
        <v>35640</v>
      </c>
      <c r="H206" s="1" t="s">
        <v>378</v>
      </c>
      <c r="I206" s="27">
        <v>3021001011460</v>
      </c>
      <c r="J206" s="13">
        <v>43647</v>
      </c>
    </row>
    <row r="207" spans="1:10" ht="28.5" customHeight="1" x14ac:dyDescent="0.15">
      <c r="A207" s="8" t="s">
        <v>23</v>
      </c>
      <c r="B207" s="9" t="s">
        <v>24</v>
      </c>
      <c r="C207" s="10" t="s">
        <v>35</v>
      </c>
      <c r="D207" s="10" t="s">
        <v>305</v>
      </c>
      <c r="E207" s="32">
        <v>325</v>
      </c>
      <c r="F207" s="11" t="s">
        <v>388</v>
      </c>
      <c r="G207" s="12">
        <v>16416</v>
      </c>
      <c r="H207" s="1" t="s">
        <v>389</v>
      </c>
      <c r="I207" s="27">
        <v>4021002028949</v>
      </c>
      <c r="J207" s="13">
        <v>43647</v>
      </c>
    </row>
    <row r="208" spans="1:10" ht="28.5" customHeight="1" x14ac:dyDescent="0.15">
      <c r="A208" s="8" t="s">
        <v>23</v>
      </c>
      <c r="B208" s="9" t="s">
        <v>24</v>
      </c>
      <c r="C208" s="10" t="s">
        <v>35</v>
      </c>
      <c r="D208" s="10" t="s">
        <v>305</v>
      </c>
      <c r="E208" s="32">
        <v>338</v>
      </c>
      <c r="F208" s="11" t="s">
        <v>368</v>
      </c>
      <c r="G208" s="12">
        <v>28404</v>
      </c>
      <c r="H208" s="1" t="s">
        <v>466</v>
      </c>
      <c r="I208" s="27">
        <v>7021001016266</v>
      </c>
      <c r="J208" s="13">
        <v>43650</v>
      </c>
    </row>
    <row r="209" spans="1:10" ht="28.5" customHeight="1" x14ac:dyDescent="0.15">
      <c r="A209" s="8" t="s">
        <v>23</v>
      </c>
      <c r="B209" s="9" t="s">
        <v>24</v>
      </c>
      <c r="C209" s="10" t="s">
        <v>35</v>
      </c>
      <c r="D209" s="10" t="s">
        <v>305</v>
      </c>
      <c r="E209" s="32">
        <v>340</v>
      </c>
      <c r="F209" s="11" t="s">
        <v>380</v>
      </c>
      <c r="G209" s="12">
        <v>4320</v>
      </c>
      <c r="H209" s="1" t="s">
        <v>467</v>
      </c>
      <c r="I209" s="27">
        <v>4290001013729</v>
      </c>
      <c r="J209" s="13">
        <v>43651</v>
      </c>
    </row>
    <row r="210" spans="1:10" ht="28.5" customHeight="1" x14ac:dyDescent="0.15">
      <c r="A210" s="8" t="s">
        <v>23</v>
      </c>
      <c r="B210" s="9" t="s">
        <v>24</v>
      </c>
      <c r="C210" s="10" t="s">
        <v>35</v>
      </c>
      <c r="D210" s="10" t="s">
        <v>305</v>
      </c>
      <c r="E210" s="32">
        <v>354</v>
      </c>
      <c r="F210" s="11" t="s">
        <v>441</v>
      </c>
      <c r="G210" s="12">
        <v>21708</v>
      </c>
      <c r="H210" s="1" t="s">
        <v>442</v>
      </c>
      <c r="I210" s="27">
        <v>2020001021231</v>
      </c>
      <c r="J210" s="13">
        <v>43654</v>
      </c>
    </row>
    <row r="211" spans="1:10" ht="28.5" customHeight="1" x14ac:dyDescent="0.15">
      <c r="A211" s="8" t="s">
        <v>23</v>
      </c>
      <c r="B211" s="9" t="s">
        <v>24</v>
      </c>
      <c r="C211" s="10" t="s">
        <v>35</v>
      </c>
      <c r="D211" s="10" t="s">
        <v>305</v>
      </c>
      <c r="E211" s="32">
        <v>374</v>
      </c>
      <c r="F211" s="11" t="s">
        <v>437</v>
      </c>
      <c r="G211" s="12">
        <v>33480</v>
      </c>
      <c r="H211" s="1" t="s">
        <v>158</v>
      </c>
      <c r="I211" s="27">
        <v>5021001016219</v>
      </c>
      <c r="J211" s="13">
        <v>43663</v>
      </c>
    </row>
    <row r="212" spans="1:10" ht="28.5" customHeight="1" x14ac:dyDescent="0.15">
      <c r="A212" s="8" t="s">
        <v>23</v>
      </c>
      <c r="B212" s="9" t="s">
        <v>24</v>
      </c>
      <c r="C212" s="10" t="s">
        <v>35</v>
      </c>
      <c r="D212" s="10" t="s">
        <v>305</v>
      </c>
      <c r="E212" s="32">
        <v>398</v>
      </c>
      <c r="F212" s="11" t="s">
        <v>386</v>
      </c>
      <c r="G212" s="12">
        <v>36720</v>
      </c>
      <c r="H212" s="1" t="s">
        <v>81</v>
      </c>
      <c r="I212" s="27">
        <v>3010401026805</v>
      </c>
      <c r="J212" s="13">
        <v>43675</v>
      </c>
    </row>
    <row r="213" spans="1:10" ht="28.5" customHeight="1" x14ac:dyDescent="0.15">
      <c r="A213" s="8" t="s">
        <v>23</v>
      </c>
      <c r="B213" s="9" t="s">
        <v>24</v>
      </c>
      <c r="C213" s="10" t="s">
        <v>35</v>
      </c>
      <c r="D213" s="10" t="s">
        <v>305</v>
      </c>
      <c r="E213" s="32">
        <v>405</v>
      </c>
      <c r="F213" s="11" t="s">
        <v>400</v>
      </c>
      <c r="G213" s="12">
        <v>27540</v>
      </c>
      <c r="H213" s="1" t="s">
        <v>401</v>
      </c>
      <c r="I213" s="27">
        <v>3010101000721</v>
      </c>
      <c r="J213" s="13">
        <v>43678</v>
      </c>
    </row>
    <row r="214" spans="1:10" ht="28.5" customHeight="1" x14ac:dyDescent="0.15">
      <c r="A214" s="8" t="s">
        <v>23</v>
      </c>
      <c r="B214" s="9" t="s">
        <v>24</v>
      </c>
      <c r="C214" s="10" t="s">
        <v>35</v>
      </c>
      <c r="D214" s="10" t="s">
        <v>305</v>
      </c>
      <c r="E214" s="32">
        <v>410</v>
      </c>
      <c r="F214" s="11" t="s">
        <v>426</v>
      </c>
      <c r="G214" s="12">
        <v>19461</v>
      </c>
      <c r="H214" s="1" t="s">
        <v>144</v>
      </c>
      <c r="I214" s="27">
        <v>3021001012558</v>
      </c>
      <c r="J214" s="13">
        <v>43679</v>
      </c>
    </row>
    <row r="215" spans="1:10" ht="28.5" customHeight="1" x14ac:dyDescent="0.15">
      <c r="A215" s="8" t="s">
        <v>23</v>
      </c>
      <c r="B215" s="9" t="s">
        <v>24</v>
      </c>
      <c r="C215" s="10" t="s">
        <v>35</v>
      </c>
      <c r="D215" s="10" t="s">
        <v>305</v>
      </c>
      <c r="E215" s="32">
        <v>411</v>
      </c>
      <c r="F215" s="11" t="s">
        <v>429</v>
      </c>
      <c r="G215" s="12">
        <v>38199</v>
      </c>
      <c r="H215" s="1" t="s">
        <v>389</v>
      </c>
      <c r="I215" s="27">
        <v>4021002028949</v>
      </c>
      <c r="J215" s="13">
        <v>43679</v>
      </c>
    </row>
    <row r="216" spans="1:10" ht="28.5" customHeight="1" x14ac:dyDescent="0.15">
      <c r="A216" s="8" t="s">
        <v>23</v>
      </c>
      <c r="B216" s="9" t="s">
        <v>24</v>
      </c>
      <c r="C216" s="10" t="s">
        <v>35</v>
      </c>
      <c r="D216" s="10" t="s">
        <v>305</v>
      </c>
      <c r="E216" s="32">
        <v>418</v>
      </c>
      <c r="F216" s="11" t="s">
        <v>419</v>
      </c>
      <c r="G216" s="12">
        <v>35100</v>
      </c>
      <c r="H216" s="1" t="s">
        <v>420</v>
      </c>
      <c r="I216" s="27">
        <v>9021001011760</v>
      </c>
      <c r="J216" s="13">
        <v>43685</v>
      </c>
    </row>
    <row r="217" spans="1:10" ht="28.5" customHeight="1" x14ac:dyDescent="0.15">
      <c r="A217" s="8" t="s">
        <v>23</v>
      </c>
      <c r="B217" s="9" t="s">
        <v>24</v>
      </c>
      <c r="C217" s="10" t="s">
        <v>35</v>
      </c>
      <c r="D217" s="10" t="s">
        <v>305</v>
      </c>
      <c r="E217" s="32">
        <v>421</v>
      </c>
      <c r="F217" s="11" t="s">
        <v>400</v>
      </c>
      <c r="G217" s="12">
        <v>36720</v>
      </c>
      <c r="H217" s="1" t="s">
        <v>401</v>
      </c>
      <c r="I217" s="27">
        <v>3010101000721</v>
      </c>
      <c r="J217" s="13">
        <v>43685</v>
      </c>
    </row>
    <row r="218" spans="1:10" ht="28.5" customHeight="1" x14ac:dyDescent="0.15">
      <c r="A218" s="8" t="s">
        <v>23</v>
      </c>
      <c r="B218" s="9" t="s">
        <v>24</v>
      </c>
      <c r="C218" s="10" t="s">
        <v>35</v>
      </c>
      <c r="D218" s="10" t="s">
        <v>305</v>
      </c>
      <c r="E218" s="32">
        <v>436</v>
      </c>
      <c r="F218" s="11" t="s">
        <v>390</v>
      </c>
      <c r="G218" s="12">
        <v>35380</v>
      </c>
      <c r="H218" s="1" t="s">
        <v>391</v>
      </c>
      <c r="I218" s="27">
        <v>3021002019206</v>
      </c>
      <c r="J218" s="13">
        <v>43697</v>
      </c>
    </row>
    <row r="219" spans="1:10" ht="28.5" customHeight="1" x14ac:dyDescent="0.15">
      <c r="A219" s="8" t="s">
        <v>23</v>
      </c>
      <c r="B219" s="9" t="s">
        <v>24</v>
      </c>
      <c r="C219" s="10" t="s">
        <v>35</v>
      </c>
      <c r="D219" s="10" t="s">
        <v>305</v>
      </c>
      <c r="E219" s="32">
        <v>451</v>
      </c>
      <c r="F219" s="11" t="s">
        <v>377</v>
      </c>
      <c r="G219" s="12">
        <v>3186</v>
      </c>
      <c r="H219" s="1" t="s">
        <v>378</v>
      </c>
      <c r="I219" s="27">
        <v>3021001011460</v>
      </c>
      <c r="J219" s="13">
        <v>43710</v>
      </c>
    </row>
    <row r="220" spans="1:10" ht="28.5" customHeight="1" x14ac:dyDescent="0.15">
      <c r="A220" s="8" t="s">
        <v>23</v>
      </c>
      <c r="B220" s="9" t="s">
        <v>24</v>
      </c>
      <c r="C220" s="10" t="s">
        <v>35</v>
      </c>
      <c r="D220" s="10" t="s">
        <v>305</v>
      </c>
      <c r="E220" s="32">
        <v>452</v>
      </c>
      <c r="F220" s="11" t="s">
        <v>364</v>
      </c>
      <c r="G220" s="12">
        <v>4860</v>
      </c>
      <c r="H220" s="1" t="s">
        <v>365</v>
      </c>
      <c r="I220" s="27">
        <v>6021001016333</v>
      </c>
      <c r="J220" s="13">
        <v>43710</v>
      </c>
    </row>
    <row r="221" spans="1:10" ht="28.5" customHeight="1" x14ac:dyDescent="0.15">
      <c r="A221" s="8" t="s">
        <v>23</v>
      </c>
      <c r="B221" s="9" t="s">
        <v>24</v>
      </c>
      <c r="C221" s="10" t="s">
        <v>35</v>
      </c>
      <c r="D221" s="10" t="s">
        <v>305</v>
      </c>
      <c r="E221" s="32">
        <v>466</v>
      </c>
      <c r="F221" s="11" t="s">
        <v>396</v>
      </c>
      <c r="G221" s="12">
        <v>33501</v>
      </c>
      <c r="H221" s="1" t="s">
        <v>397</v>
      </c>
      <c r="I221" s="27">
        <v>1021001046120</v>
      </c>
      <c r="J221" s="13">
        <v>43713</v>
      </c>
    </row>
    <row r="222" spans="1:10" ht="28.5" customHeight="1" x14ac:dyDescent="0.15">
      <c r="A222" s="8" t="s">
        <v>23</v>
      </c>
      <c r="B222" s="9" t="s">
        <v>24</v>
      </c>
      <c r="C222" s="10" t="s">
        <v>35</v>
      </c>
      <c r="D222" s="10" t="s">
        <v>305</v>
      </c>
      <c r="E222" s="32">
        <v>479</v>
      </c>
      <c r="F222" s="11" t="s">
        <v>385</v>
      </c>
      <c r="G222" s="12">
        <v>28080</v>
      </c>
      <c r="H222" s="1" t="s">
        <v>60</v>
      </c>
      <c r="I222" s="27" t="s">
        <v>39</v>
      </c>
      <c r="J222" s="13">
        <v>43725</v>
      </c>
    </row>
    <row r="223" spans="1:10" ht="28.5" customHeight="1" x14ac:dyDescent="0.15">
      <c r="A223" s="8" t="s">
        <v>23</v>
      </c>
      <c r="B223" s="9" t="s">
        <v>24</v>
      </c>
      <c r="C223" s="10" t="s">
        <v>35</v>
      </c>
      <c r="D223" s="10" t="s">
        <v>305</v>
      </c>
      <c r="E223" s="32">
        <v>481</v>
      </c>
      <c r="F223" s="11" t="s">
        <v>427</v>
      </c>
      <c r="G223" s="12">
        <v>78780</v>
      </c>
      <c r="H223" s="1" t="s">
        <v>356</v>
      </c>
      <c r="I223" s="27">
        <v>3070001006474</v>
      </c>
      <c r="J223" s="13">
        <v>43725</v>
      </c>
    </row>
    <row r="224" spans="1:10" ht="28.5" customHeight="1" x14ac:dyDescent="0.15">
      <c r="A224" s="8" t="s">
        <v>23</v>
      </c>
      <c r="B224" s="9" t="s">
        <v>24</v>
      </c>
      <c r="C224" s="10" t="s">
        <v>344</v>
      </c>
      <c r="D224" s="10" t="s">
        <v>305</v>
      </c>
      <c r="E224" s="32">
        <v>353</v>
      </c>
      <c r="F224" s="11" t="s">
        <v>405</v>
      </c>
      <c r="G224" s="12">
        <v>48600</v>
      </c>
      <c r="H224" s="1" t="s">
        <v>85</v>
      </c>
      <c r="I224" s="27">
        <v>5021002029186</v>
      </c>
      <c r="J224" s="13">
        <v>43654</v>
      </c>
    </row>
    <row r="225" spans="1:10" ht="28.5" customHeight="1" x14ac:dyDescent="0.15">
      <c r="A225" s="8" t="s">
        <v>23</v>
      </c>
      <c r="B225" s="9" t="s">
        <v>24</v>
      </c>
      <c r="C225" s="10" t="s">
        <v>344</v>
      </c>
      <c r="D225" s="10" t="s">
        <v>305</v>
      </c>
      <c r="E225" s="32">
        <v>375</v>
      </c>
      <c r="F225" s="11" t="s">
        <v>374</v>
      </c>
      <c r="G225" s="12">
        <v>26352</v>
      </c>
      <c r="H225" s="1" t="s">
        <v>174</v>
      </c>
      <c r="I225" s="27">
        <v>7021001013115</v>
      </c>
      <c r="J225" s="13">
        <v>43663</v>
      </c>
    </row>
    <row r="226" spans="1:10" ht="28.5" customHeight="1" x14ac:dyDescent="0.15">
      <c r="A226" s="8" t="s">
        <v>23</v>
      </c>
      <c r="B226" s="9" t="s">
        <v>24</v>
      </c>
      <c r="C226" s="10" t="s">
        <v>344</v>
      </c>
      <c r="D226" s="10" t="s">
        <v>305</v>
      </c>
      <c r="E226" s="32">
        <v>390</v>
      </c>
      <c r="F226" s="11" t="s">
        <v>373</v>
      </c>
      <c r="G226" s="12">
        <v>39366</v>
      </c>
      <c r="H226" s="1" t="s">
        <v>361</v>
      </c>
      <c r="I226" s="27">
        <v>1021001011776</v>
      </c>
      <c r="J226" s="13">
        <v>43669</v>
      </c>
    </row>
    <row r="227" spans="1:10" ht="28.5" customHeight="1" x14ac:dyDescent="0.15">
      <c r="A227" s="8" t="s">
        <v>23</v>
      </c>
      <c r="B227" s="9" t="s">
        <v>24</v>
      </c>
      <c r="C227" s="10" t="s">
        <v>344</v>
      </c>
      <c r="D227" s="10" t="s">
        <v>305</v>
      </c>
      <c r="E227" s="32">
        <v>397</v>
      </c>
      <c r="F227" s="11" t="s">
        <v>433</v>
      </c>
      <c r="G227" s="12">
        <v>45738</v>
      </c>
      <c r="H227" s="1" t="s">
        <v>378</v>
      </c>
      <c r="I227" s="27">
        <v>3021001011460</v>
      </c>
      <c r="J227" s="13">
        <v>43672</v>
      </c>
    </row>
    <row r="228" spans="1:10" ht="28.5" customHeight="1" x14ac:dyDescent="0.15">
      <c r="A228" s="8" t="s">
        <v>23</v>
      </c>
      <c r="B228" s="9" t="s">
        <v>24</v>
      </c>
      <c r="C228" s="10" t="s">
        <v>344</v>
      </c>
      <c r="D228" s="10" t="s">
        <v>305</v>
      </c>
      <c r="E228" s="32">
        <v>399</v>
      </c>
      <c r="F228" s="11" t="s">
        <v>403</v>
      </c>
      <c r="G228" s="12">
        <v>45900</v>
      </c>
      <c r="H228" s="1" t="s">
        <v>404</v>
      </c>
      <c r="I228" s="27">
        <v>4021001040120</v>
      </c>
      <c r="J228" s="13">
        <v>43675</v>
      </c>
    </row>
    <row r="229" spans="1:10" ht="28.5" customHeight="1" x14ac:dyDescent="0.15">
      <c r="A229" s="8" t="s">
        <v>23</v>
      </c>
      <c r="B229" s="9" t="s">
        <v>24</v>
      </c>
      <c r="C229" s="10" t="s">
        <v>344</v>
      </c>
      <c r="D229" s="10" t="s">
        <v>305</v>
      </c>
      <c r="E229" s="32">
        <v>432</v>
      </c>
      <c r="F229" s="11" t="s">
        <v>394</v>
      </c>
      <c r="G229" s="12">
        <v>93312</v>
      </c>
      <c r="H229" s="1" t="s">
        <v>395</v>
      </c>
      <c r="I229" s="27">
        <v>5021001014379</v>
      </c>
      <c r="J229" s="13">
        <v>43697</v>
      </c>
    </row>
    <row r="230" spans="1:10" ht="28.5" customHeight="1" x14ac:dyDescent="0.15">
      <c r="A230" s="8" t="s">
        <v>23</v>
      </c>
      <c r="B230" s="9" t="s">
        <v>24</v>
      </c>
      <c r="C230" s="10" t="s">
        <v>344</v>
      </c>
      <c r="D230" s="10" t="s">
        <v>305</v>
      </c>
      <c r="E230" s="32">
        <v>449</v>
      </c>
      <c r="F230" s="11" t="s">
        <v>390</v>
      </c>
      <c r="G230" s="12">
        <v>42336</v>
      </c>
      <c r="H230" s="1" t="s">
        <v>96</v>
      </c>
      <c r="I230" s="27">
        <v>9021002029091</v>
      </c>
      <c r="J230" s="13">
        <v>43705</v>
      </c>
    </row>
    <row r="231" spans="1:10" ht="28.5" customHeight="1" x14ac:dyDescent="0.15">
      <c r="A231" s="8" t="s">
        <v>23</v>
      </c>
      <c r="B231" s="9" t="s">
        <v>24</v>
      </c>
      <c r="C231" s="10" t="s">
        <v>29</v>
      </c>
      <c r="D231" s="10" t="s">
        <v>88</v>
      </c>
      <c r="E231" s="32">
        <v>262</v>
      </c>
      <c r="F231" s="11" t="s">
        <v>263</v>
      </c>
      <c r="G231" s="12">
        <v>25930</v>
      </c>
      <c r="H231" s="1" t="s">
        <v>151</v>
      </c>
      <c r="I231" s="27">
        <v>1021001032533</v>
      </c>
      <c r="J231" s="13">
        <v>43658</v>
      </c>
    </row>
    <row r="232" spans="1:10" ht="28.5" customHeight="1" x14ac:dyDescent="0.15">
      <c r="A232" s="8" t="s">
        <v>23</v>
      </c>
      <c r="B232" s="9" t="s">
        <v>24</v>
      </c>
      <c r="C232" s="10" t="s">
        <v>29</v>
      </c>
      <c r="D232" s="10" t="s">
        <v>88</v>
      </c>
      <c r="E232" s="32">
        <v>286</v>
      </c>
      <c r="F232" s="11" t="s">
        <v>155</v>
      </c>
      <c r="G232" s="12">
        <v>29170</v>
      </c>
      <c r="H232" s="1" t="s">
        <v>156</v>
      </c>
      <c r="I232" s="27" t="s">
        <v>39</v>
      </c>
      <c r="J232" s="13">
        <v>43678</v>
      </c>
    </row>
    <row r="233" spans="1:10" ht="28.5" customHeight="1" x14ac:dyDescent="0.15">
      <c r="A233" s="8" t="s">
        <v>23</v>
      </c>
      <c r="B233" s="9" t="s">
        <v>24</v>
      </c>
      <c r="C233" s="10" t="s">
        <v>29</v>
      </c>
      <c r="D233" s="10" t="s">
        <v>88</v>
      </c>
      <c r="E233" s="32">
        <v>304</v>
      </c>
      <c r="F233" s="11" t="s">
        <v>200</v>
      </c>
      <c r="G233" s="12">
        <v>39247</v>
      </c>
      <c r="H233" s="1" t="s">
        <v>151</v>
      </c>
      <c r="I233" s="27">
        <v>1021001032533</v>
      </c>
      <c r="J233" s="13">
        <v>43691</v>
      </c>
    </row>
    <row r="234" spans="1:10" ht="28.5" customHeight="1" x14ac:dyDescent="0.15">
      <c r="A234" s="8" t="s">
        <v>23</v>
      </c>
      <c r="B234" s="9" t="s">
        <v>24</v>
      </c>
      <c r="C234" s="10" t="s">
        <v>29</v>
      </c>
      <c r="D234" s="10" t="s">
        <v>88</v>
      </c>
      <c r="E234" s="32">
        <v>321</v>
      </c>
      <c r="F234" s="11" t="s">
        <v>150</v>
      </c>
      <c r="G234" s="12">
        <v>18360</v>
      </c>
      <c r="H234" s="1" t="s">
        <v>151</v>
      </c>
      <c r="I234" s="27">
        <v>1021001032533</v>
      </c>
      <c r="J234" s="13">
        <v>43703</v>
      </c>
    </row>
    <row r="235" spans="1:10" ht="28.5" customHeight="1" x14ac:dyDescent="0.15">
      <c r="A235" s="8" t="s">
        <v>23</v>
      </c>
      <c r="B235" s="9" t="s">
        <v>24</v>
      </c>
      <c r="C235" s="10" t="s">
        <v>29</v>
      </c>
      <c r="D235" s="10" t="s">
        <v>88</v>
      </c>
      <c r="E235" s="32">
        <v>341</v>
      </c>
      <c r="F235" s="11" t="s">
        <v>291</v>
      </c>
      <c r="G235" s="12">
        <v>11275</v>
      </c>
      <c r="H235" s="1" t="s">
        <v>273</v>
      </c>
      <c r="I235" s="27">
        <v>9020001000765</v>
      </c>
      <c r="J235" s="13">
        <v>43714</v>
      </c>
    </row>
    <row r="236" spans="1:10" ht="28.5" customHeight="1" x14ac:dyDescent="0.15">
      <c r="A236" s="8" t="s">
        <v>23</v>
      </c>
      <c r="B236" s="9" t="s">
        <v>24</v>
      </c>
      <c r="C236" s="10" t="s">
        <v>29</v>
      </c>
      <c r="D236" s="10" t="s">
        <v>88</v>
      </c>
      <c r="E236" s="32">
        <v>343</v>
      </c>
      <c r="F236" s="11" t="s">
        <v>278</v>
      </c>
      <c r="G236" s="12">
        <v>11598</v>
      </c>
      <c r="H236" s="1" t="s">
        <v>189</v>
      </c>
      <c r="I236" s="27">
        <v>2021001032417</v>
      </c>
      <c r="J236" s="13">
        <v>43714</v>
      </c>
    </row>
    <row r="237" spans="1:10" ht="28.5" customHeight="1" x14ac:dyDescent="0.15">
      <c r="A237" s="8" t="s">
        <v>23</v>
      </c>
      <c r="B237" s="9" t="s">
        <v>24</v>
      </c>
      <c r="C237" s="10" t="s">
        <v>393</v>
      </c>
      <c r="D237" s="10" t="s">
        <v>88</v>
      </c>
      <c r="E237" s="32">
        <v>227</v>
      </c>
      <c r="F237" s="11" t="s">
        <v>89</v>
      </c>
      <c r="G237" s="12">
        <v>47520</v>
      </c>
      <c r="H237" s="1" t="s">
        <v>90</v>
      </c>
      <c r="I237" s="27">
        <v>4021002055836</v>
      </c>
      <c r="J237" s="13">
        <v>43647</v>
      </c>
    </row>
    <row r="238" spans="1:10" ht="28.5" customHeight="1" x14ac:dyDescent="0.15">
      <c r="A238" s="8" t="s">
        <v>23</v>
      </c>
      <c r="B238" s="9" t="s">
        <v>24</v>
      </c>
      <c r="C238" s="10" t="s">
        <v>393</v>
      </c>
      <c r="D238" s="10" t="s">
        <v>88</v>
      </c>
      <c r="E238" s="32">
        <v>237</v>
      </c>
      <c r="F238" s="11" t="s">
        <v>211</v>
      </c>
      <c r="G238" s="12">
        <v>62424</v>
      </c>
      <c r="H238" s="1" t="s">
        <v>207</v>
      </c>
      <c r="I238" s="27">
        <v>8021001034184</v>
      </c>
      <c r="J238" s="13">
        <v>43648</v>
      </c>
    </row>
    <row r="239" spans="1:10" ht="28.5" customHeight="1" x14ac:dyDescent="0.15">
      <c r="A239" s="8" t="s">
        <v>23</v>
      </c>
      <c r="B239" s="9" t="s">
        <v>24</v>
      </c>
      <c r="C239" s="10" t="s">
        <v>393</v>
      </c>
      <c r="D239" s="10" t="s">
        <v>88</v>
      </c>
      <c r="E239" s="32">
        <v>249</v>
      </c>
      <c r="F239" s="11" t="s">
        <v>203</v>
      </c>
      <c r="G239" s="12">
        <v>65421</v>
      </c>
      <c r="H239" s="1" t="s">
        <v>112</v>
      </c>
      <c r="I239" s="27">
        <v>2021001032334</v>
      </c>
      <c r="J239" s="13">
        <v>43654</v>
      </c>
    </row>
    <row r="240" spans="1:10" ht="28.5" customHeight="1" x14ac:dyDescent="0.15">
      <c r="A240" s="8" t="s">
        <v>23</v>
      </c>
      <c r="B240" s="9" t="s">
        <v>24</v>
      </c>
      <c r="C240" s="10" t="s">
        <v>393</v>
      </c>
      <c r="D240" s="10" t="s">
        <v>88</v>
      </c>
      <c r="E240" s="32">
        <v>259</v>
      </c>
      <c r="F240" s="11" t="s">
        <v>208</v>
      </c>
      <c r="G240" s="12">
        <v>49823</v>
      </c>
      <c r="H240" s="1" t="s">
        <v>135</v>
      </c>
      <c r="I240" s="27">
        <v>1021001021387</v>
      </c>
      <c r="J240" s="13">
        <v>43658</v>
      </c>
    </row>
    <row r="241" spans="1:10" ht="28.5" customHeight="1" x14ac:dyDescent="0.15">
      <c r="A241" s="8" t="s">
        <v>23</v>
      </c>
      <c r="B241" s="9" t="s">
        <v>24</v>
      </c>
      <c r="C241" s="10" t="s">
        <v>393</v>
      </c>
      <c r="D241" s="10" t="s">
        <v>88</v>
      </c>
      <c r="E241" s="32">
        <v>260</v>
      </c>
      <c r="F241" s="11" t="s">
        <v>192</v>
      </c>
      <c r="G241" s="12">
        <v>11880</v>
      </c>
      <c r="H241" s="1" t="s">
        <v>193</v>
      </c>
      <c r="I241" s="27">
        <v>2021002050979</v>
      </c>
      <c r="J241" s="13">
        <v>43658</v>
      </c>
    </row>
    <row r="242" spans="1:10" ht="28.5" customHeight="1" x14ac:dyDescent="0.15">
      <c r="A242" s="8" t="s">
        <v>23</v>
      </c>
      <c r="B242" s="9" t="s">
        <v>24</v>
      </c>
      <c r="C242" s="10" t="s">
        <v>393</v>
      </c>
      <c r="D242" s="10" t="s">
        <v>88</v>
      </c>
      <c r="E242" s="32">
        <v>261</v>
      </c>
      <c r="F242" s="11" t="s">
        <v>165</v>
      </c>
      <c r="G242" s="12">
        <v>47520</v>
      </c>
      <c r="H242" s="1" t="s">
        <v>166</v>
      </c>
      <c r="I242" s="27">
        <v>1021002055756</v>
      </c>
      <c r="J242" s="13">
        <v>43658</v>
      </c>
    </row>
    <row r="243" spans="1:10" ht="28.5" customHeight="1" x14ac:dyDescent="0.15">
      <c r="A243" s="8" t="s">
        <v>23</v>
      </c>
      <c r="B243" s="9" t="s">
        <v>24</v>
      </c>
      <c r="C243" s="10" t="s">
        <v>393</v>
      </c>
      <c r="D243" s="10" t="s">
        <v>88</v>
      </c>
      <c r="E243" s="32">
        <v>272</v>
      </c>
      <c r="F243" s="11" t="s">
        <v>91</v>
      </c>
      <c r="G243" s="12">
        <v>73774</v>
      </c>
      <c r="H243" s="1" t="s">
        <v>92</v>
      </c>
      <c r="I243" s="27">
        <v>6021001033997</v>
      </c>
      <c r="J243" s="13">
        <v>43665</v>
      </c>
    </row>
    <row r="244" spans="1:10" ht="28.5" customHeight="1" x14ac:dyDescent="0.15">
      <c r="A244" s="8" t="s">
        <v>23</v>
      </c>
      <c r="B244" s="9" t="s">
        <v>24</v>
      </c>
      <c r="C244" s="10" t="s">
        <v>393</v>
      </c>
      <c r="D244" s="10" t="s">
        <v>88</v>
      </c>
      <c r="E244" s="32">
        <v>275</v>
      </c>
      <c r="F244" s="11" t="s">
        <v>111</v>
      </c>
      <c r="G244" s="12">
        <v>10837</v>
      </c>
      <c r="H244" s="1" t="s">
        <v>112</v>
      </c>
      <c r="I244" s="27">
        <v>2021001032334</v>
      </c>
      <c r="J244" s="13">
        <v>43671</v>
      </c>
    </row>
    <row r="245" spans="1:10" ht="28.5" customHeight="1" x14ac:dyDescent="0.15">
      <c r="A245" s="8" t="s">
        <v>23</v>
      </c>
      <c r="B245" s="9" t="s">
        <v>24</v>
      </c>
      <c r="C245" s="10" t="s">
        <v>393</v>
      </c>
      <c r="D245" s="10" t="s">
        <v>88</v>
      </c>
      <c r="E245" s="32">
        <v>276</v>
      </c>
      <c r="F245" s="11" t="s">
        <v>210</v>
      </c>
      <c r="G245" s="12">
        <v>7970</v>
      </c>
      <c r="H245" s="1" t="s">
        <v>202</v>
      </c>
      <c r="I245" s="27">
        <v>5021001033486</v>
      </c>
      <c r="J245" s="13">
        <v>43671</v>
      </c>
    </row>
    <row r="246" spans="1:10" ht="28.5" customHeight="1" x14ac:dyDescent="0.15">
      <c r="A246" s="8" t="s">
        <v>23</v>
      </c>
      <c r="B246" s="9" t="s">
        <v>24</v>
      </c>
      <c r="C246" s="10" t="s">
        <v>393</v>
      </c>
      <c r="D246" s="10" t="s">
        <v>88</v>
      </c>
      <c r="E246" s="32">
        <v>289</v>
      </c>
      <c r="F246" s="11" t="s">
        <v>216</v>
      </c>
      <c r="G246" s="12">
        <v>33417</v>
      </c>
      <c r="H246" s="1" t="s">
        <v>202</v>
      </c>
      <c r="I246" s="27">
        <v>5021001033486</v>
      </c>
      <c r="J246" s="13">
        <v>43679</v>
      </c>
    </row>
    <row r="247" spans="1:10" ht="28.5" customHeight="1" x14ac:dyDescent="0.15">
      <c r="A247" s="8" t="s">
        <v>23</v>
      </c>
      <c r="B247" s="9" t="s">
        <v>24</v>
      </c>
      <c r="C247" s="10" t="s">
        <v>393</v>
      </c>
      <c r="D247" s="10" t="s">
        <v>88</v>
      </c>
      <c r="E247" s="32">
        <v>290</v>
      </c>
      <c r="F247" s="11" t="s">
        <v>167</v>
      </c>
      <c r="G247" s="12">
        <v>28080</v>
      </c>
      <c r="H247" s="1" t="s">
        <v>166</v>
      </c>
      <c r="I247" s="27">
        <v>1021002055756</v>
      </c>
      <c r="J247" s="13">
        <v>43679</v>
      </c>
    </row>
    <row r="248" spans="1:10" ht="28.5" customHeight="1" x14ac:dyDescent="0.15">
      <c r="A248" s="8" t="s">
        <v>23</v>
      </c>
      <c r="B248" s="9" t="s">
        <v>24</v>
      </c>
      <c r="C248" s="10" t="s">
        <v>393</v>
      </c>
      <c r="D248" s="10" t="s">
        <v>88</v>
      </c>
      <c r="E248" s="32">
        <v>291</v>
      </c>
      <c r="F248" s="11" t="s">
        <v>219</v>
      </c>
      <c r="G248" s="12">
        <v>19548</v>
      </c>
      <c r="H248" s="1" t="s">
        <v>112</v>
      </c>
      <c r="I248" s="27">
        <v>2021001032334</v>
      </c>
      <c r="J248" s="13">
        <v>43679</v>
      </c>
    </row>
    <row r="249" spans="1:10" ht="28.5" customHeight="1" x14ac:dyDescent="0.15">
      <c r="A249" s="8" t="s">
        <v>23</v>
      </c>
      <c r="B249" s="9" t="s">
        <v>24</v>
      </c>
      <c r="C249" s="10" t="s">
        <v>393</v>
      </c>
      <c r="D249" s="10" t="s">
        <v>88</v>
      </c>
      <c r="E249" s="32">
        <v>293</v>
      </c>
      <c r="F249" s="11" t="s">
        <v>124</v>
      </c>
      <c r="G249" s="12">
        <v>18900</v>
      </c>
      <c r="H249" s="1" t="s">
        <v>125</v>
      </c>
      <c r="I249" s="27">
        <v>8021002055106</v>
      </c>
      <c r="J249" s="13">
        <v>43679</v>
      </c>
    </row>
    <row r="250" spans="1:10" ht="28.5" customHeight="1" x14ac:dyDescent="0.15">
      <c r="A250" s="8" t="s">
        <v>23</v>
      </c>
      <c r="B250" s="9" t="s">
        <v>24</v>
      </c>
      <c r="C250" s="10" t="s">
        <v>393</v>
      </c>
      <c r="D250" s="10" t="s">
        <v>88</v>
      </c>
      <c r="E250" s="32">
        <v>294</v>
      </c>
      <c r="F250" s="11" t="s">
        <v>203</v>
      </c>
      <c r="G250" s="12">
        <v>73440</v>
      </c>
      <c r="H250" s="1" t="s">
        <v>81</v>
      </c>
      <c r="I250" s="27">
        <v>3010401026805</v>
      </c>
      <c r="J250" s="13">
        <v>43683</v>
      </c>
    </row>
    <row r="251" spans="1:10" ht="28.5" customHeight="1" x14ac:dyDescent="0.15">
      <c r="A251" s="8" t="s">
        <v>23</v>
      </c>
      <c r="B251" s="9" t="s">
        <v>24</v>
      </c>
      <c r="C251" s="10" t="s">
        <v>393</v>
      </c>
      <c r="D251" s="10" t="s">
        <v>88</v>
      </c>
      <c r="E251" s="32">
        <v>300</v>
      </c>
      <c r="F251" s="11" t="s">
        <v>218</v>
      </c>
      <c r="G251" s="12">
        <v>64152</v>
      </c>
      <c r="H251" s="1" t="s">
        <v>151</v>
      </c>
      <c r="I251" s="27">
        <v>1021001032533</v>
      </c>
      <c r="J251" s="13">
        <v>43685</v>
      </c>
    </row>
    <row r="252" spans="1:10" ht="28.5" customHeight="1" x14ac:dyDescent="0.15">
      <c r="A252" s="8" t="s">
        <v>23</v>
      </c>
      <c r="B252" s="9" t="s">
        <v>24</v>
      </c>
      <c r="C252" s="10" t="s">
        <v>393</v>
      </c>
      <c r="D252" s="10" t="s">
        <v>88</v>
      </c>
      <c r="E252" s="32">
        <v>301</v>
      </c>
      <c r="F252" s="11" t="s">
        <v>196</v>
      </c>
      <c r="G252" s="12">
        <v>4914</v>
      </c>
      <c r="H252" s="1" t="s">
        <v>197</v>
      </c>
      <c r="I252" s="27">
        <v>3021002053535</v>
      </c>
      <c r="J252" s="13">
        <v>43685</v>
      </c>
    </row>
    <row r="253" spans="1:10" ht="28.5" customHeight="1" x14ac:dyDescent="0.15">
      <c r="A253" s="8" t="s">
        <v>23</v>
      </c>
      <c r="B253" s="9" t="s">
        <v>24</v>
      </c>
      <c r="C253" s="10" t="s">
        <v>393</v>
      </c>
      <c r="D253" s="10" t="s">
        <v>88</v>
      </c>
      <c r="E253" s="32">
        <v>305</v>
      </c>
      <c r="F253" s="11" t="s">
        <v>177</v>
      </c>
      <c r="G253" s="12">
        <v>40263</v>
      </c>
      <c r="H253" s="1" t="s">
        <v>135</v>
      </c>
      <c r="I253" s="27">
        <v>1021001021387</v>
      </c>
      <c r="J253" s="13">
        <v>43691</v>
      </c>
    </row>
    <row r="254" spans="1:10" ht="28.5" customHeight="1" x14ac:dyDescent="0.15">
      <c r="A254" s="8" t="s">
        <v>23</v>
      </c>
      <c r="B254" s="9" t="s">
        <v>24</v>
      </c>
      <c r="C254" s="10" t="s">
        <v>393</v>
      </c>
      <c r="D254" s="10" t="s">
        <v>88</v>
      </c>
      <c r="E254" s="32">
        <v>318</v>
      </c>
      <c r="F254" s="11" t="s">
        <v>270</v>
      </c>
      <c r="G254" s="12">
        <v>17832</v>
      </c>
      <c r="H254" s="1" t="s">
        <v>118</v>
      </c>
      <c r="I254" s="27">
        <v>2020001021339</v>
      </c>
      <c r="J254" s="13">
        <v>43698</v>
      </c>
    </row>
    <row r="255" spans="1:10" ht="28.5" customHeight="1" x14ac:dyDescent="0.15">
      <c r="A255" s="8" t="s">
        <v>23</v>
      </c>
      <c r="B255" s="9" t="s">
        <v>24</v>
      </c>
      <c r="C255" s="10" t="s">
        <v>393</v>
      </c>
      <c r="D255" s="10" t="s">
        <v>88</v>
      </c>
      <c r="E255" s="32">
        <v>319</v>
      </c>
      <c r="F255" s="11" t="s">
        <v>188</v>
      </c>
      <c r="G255" s="12">
        <v>41083</v>
      </c>
      <c r="H255" s="1" t="s">
        <v>189</v>
      </c>
      <c r="I255" s="27">
        <v>2021001032417</v>
      </c>
      <c r="J255" s="13">
        <v>43698</v>
      </c>
    </row>
    <row r="256" spans="1:10" ht="28.5" customHeight="1" x14ac:dyDescent="0.15">
      <c r="A256" s="8" t="s">
        <v>23</v>
      </c>
      <c r="B256" s="9" t="s">
        <v>24</v>
      </c>
      <c r="C256" s="10" t="s">
        <v>393</v>
      </c>
      <c r="D256" s="10" t="s">
        <v>88</v>
      </c>
      <c r="E256" s="32">
        <v>325</v>
      </c>
      <c r="F256" s="11" t="s">
        <v>195</v>
      </c>
      <c r="G256" s="12">
        <v>45360</v>
      </c>
      <c r="H256" s="1" t="s">
        <v>193</v>
      </c>
      <c r="I256" s="27">
        <v>2021002050979</v>
      </c>
      <c r="J256" s="13">
        <v>43710</v>
      </c>
    </row>
    <row r="257" spans="1:10" ht="28.5" customHeight="1" x14ac:dyDescent="0.15">
      <c r="A257" s="8" t="s">
        <v>23</v>
      </c>
      <c r="B257" s="9" t="s">
        <v>24</v>
      </c>
      <c r="C257" s="10" t="s">
        <v>393</v>
      </c>
      <c r="D257" s="10" t="s">
        <v>88</v>
      </c>
      <c r="E257" s="32">
        <v>326</v>
      </c>
      <c r="F257" s="11" t="s">
        <v>172</v>
      </c>
      <c r="G257" s="12">
        <v>10368</v>
      </c>
      <c r="H257" s="1" t="s">
        <v>151</v>
      </c>
      <c r="I257" s="27">
        <v>1021001032533</v>
      </c>
      <c r="J257" s="13">
        <v>43710</v>
      </c>
    </row>
    <row r="258" spans="1:10" ht="28.5" customHeight="1" x14ac:dyDescent="0.15">
      <c r="A258" s="8" t="s">
        <v>23</v>
      </c>
      <c r="B258" s="9" t="s">
        <v>24</v>
      </c>
      <c r="C258" s="10" t="s">
        <v>393</v>
      </c>
      <c r="D258" s="10" t="s">
        <v>88</v>
      </c>
      <c r="E258" s="32">
        <v>327</v>
      </c>
      <c r="F258" s="11" t="s">
        <v>138</v>
      </c>
      <c r="G258" s="12">
        <v>14904</v>
      </c>
      <c r="H258" s="1" t="s">
        <v>139</v>
      </c>
      <c r="I258" s="27">
        <v>4021001011658</v>
      </c>
      <c r="J258" s="13">
        <v>43710</v>
      </c>
    </row>
    <row r="259" spans="1:10" ht="28.5" customHeight="1" x14ac:dyDescent="0.15">
      <c r="A259" s="8" t="s">
        <v>23</v>
      </c>
      <c r="B259" s="9" t="s">
        <v>24</v>
      </c>
      <c r="C259" s="10" t="s">
        <v>393</v>
      </c>
      <c r="D259" s="10" t="s">
        <v>88</v>
      </c>
      <c r="E259" s="32">
        <v>339</v>
      </c>
      <c r="F259" s="11" t="s">
        <v>201</v>
      </c>
      <c r="G259" s="12">
        <v>26936</v>
      </c>
      <c r="H259" s="1" t="s">
        <v>202</v>
      </c>
      <c r="I259" s="27">
        <v>5021001033486</v>
      </c>
      <c r="J259" s="13">
        <v>43714</v>
      </c>
    </row>
    <row r="260" spans="1:10" ht="28.5" customHeight="1" x14ac:dyDescent="0.15">
      <c r="A260" s="8" t="s">
        <v>23</v>
      </c>
      <c r="B260" s="9" t="s">
        <v>24</v>
      </c>
      <c r="C260" s="10" t="s">
        <v>393</v>
      </c>
      <c r="D260" s="10" t="s">
        <v>88</v>
      </c>
      <c r="E260" s="32">
        <v>340</v>
      </c>
      <c r="F260" s="11" t="s">
        <v>272</v>
      </c>
      <c r="G260" s="12">
        <v>16221</v>
      </c>
      <c r="H260" s="1" t="s">
        <v>273</v>
      </c>
      <c r="I260" s="27">
        <v>9020001000765</v>
      </c>
      <c r="J260" s="13">
        <v>43714</v>
      </c>
    </row>
    <row r="261" spans="1:10" ht="28.5" customHeight="1" x14ac:dyDescent="0.15">
      <c r="A261" s="8" t="s">
        <v>23</v>
      </c>
      <c r="B261" s="9" t="s">
        <v>24</v>
      </c>
      <c r="C261" s="10" t="s">
        <v>393</v>
      </c>
      <c r="D261" s="10" t="s">
        <v>88</v>
      </c>
      <c r="E261" s="32">
        <v>344</v>
      </c>
      <c r="F261" s="11" t="s">
        <v>278</v>
      </c>
      <c r="G261" s="12">
        <v>12403</v>
      </c>
      <c r="H261" s="1" t="s">
        <v>189</v>
      </c>
      <c r="I261" s="27">
        <v>2021001032417</v>
      </c>
      <c r="J261" s="13">
        <v>43714</v>
      </c>
    </row>
    <row r="262" spans="1:10" ht="28.5" customHeight="1" x14ac:dyDescent="0.15">
      <c r="A262" s="8" t="s">
        <v>23</v>
      </c>
      <c r="B262" s="9" t="s">
        <v>24</v>
      </c>
      <c r="C262" s="10" t="s">
        <v>393</v>
      </c>
      <c r="D262" s="10" t="s">
        <v>88</v>
      </c>
      <c r="E262" s="32">
        <v>347</v>
      </c>
      <c r="F262" s="11" t="s">
        <v>134</v>
      </c>
      <c r="G262" s="12">
        <v>3240</v>
      </c>
      <c r="H262" s="1" t="s">
        <v>135</v>
      </c>
      <c r="I262" s="27">
        <v>1021001021387</v>
      </c>
      <c r="J262" s="13">
        <v>43717</v>
      </c>
    </row>
    <row r="263" spans="1:10" ht="28.5" customHeight="1" x14ac:dyDescent="0.15">
      <c r="A263" s="8" t="s">
        <v>23</v>
      </c>
      <c r="B263" s="9" t="s">
        <v>24</v>
      </c>
      <c r="C263" s="10" t="s">
        <v>393</v>
      </c>
      <c r="D263" s="10" t="s">
        <v>88</v>
      </c>
      <c r="E263" s="32">
        <v>349</v>
      </c>
      <c r="F263" s="11" t="s">
        <v>212</v>
      </c>
      <c r="G263" s="12">
        <v>42768</v>
      </c>
      <c r="H263" s="1" t="s">
        <v>213</v>
      </c>
      <c r="I263" s="27">
        <v>5180301013959</v>
      </c>
      <c r="J263" s="13">
        <v>43717</v>
      </c>
    </row>
    <row r="264" spans="1:10" ht="28.5" customHeight="1" x14ac:dyDescent="0.15">
      <c r="A264" s="8" t="s">
        <v>23</v>
      </c>
      <c r="B264" s="9" t="s">
        <v>24</v>
      </c>
      <c r="C264" s="10" t="s">
        <v>393</v>
      </c>
      <c r="D264" s="10" t="s">
        <v>88</v>
      </c>
      <c r="E264" s="32">
        <v>350</v>
      </c>
      <c r="F264" s="11" t="s">
        <v>191</v>
      </c>
      <c r="G264" s="12">
        <v>36673</v>
      </c>
      <c r="H264" s="1" t="s">
        <v>112</v>
      </c>
      <c r="I264" s="27">
        <v>2021001032334</v>
      </c>
      <c r="J264" s="13">
        <v>43717</v>
      </c>
    </row>
    <row r="265" spans="1:10" ht="28.5" customHeight="1" x14ac:dyDescent="0.15">
      <c r="A265" s="8" t="s">
        <v>23</v>
      </c>
      <c r="B265" s="9" t="s">
        <v>24</v>
      </c>
      <c r="C265" s="10" t="s">
        <v>393</v>
      </c>
      <c r="D265" s="10" t="s">
        <v>88</v>
      </c>
      <c r="E265" s="32">
        <v>354</v>
      </c>
      <c r="F265" s="11" t="s">
        <v>126</v>
      </c>
      <c r="G265" s="12">
        <v>8078</v>
      </c>
      <c r="H265" s="1" t="s">
        <v>127</v>
      </c>
      <c r="I265" s="27">
        <v>7021002057350</v>
      </c>
      <c r="J265" s="13">
        <v>43717</v>
      </c>
    </row>
    <row r="266" spans="1:10" ht="28.5" customHeight="1" x14ac:dyDescent="0.15">
      <c r="A266" s="8" t="s">
        <v>23</v>
      </c>
      <c r="B266" s="9" t="s">
        <v>24</v>
      </c>
      <c r="C266" s="10" t="s">
        <v>393</v>
      </c>
      <c r="D266" s="10" t="s">
        <v>88</v>
      </c>
      <c r="E266" s="32">
        <v>362</v>
      </c>
      <c r="F266" s="11" t="s">
        <v>214</v>
      </c>
      <c r="G266" s="12">
        <v>34133</v>
      </c>
      <c r="H266" s="1" t="s">
        <v>207</v>
      </c>
      <c r="I266" s="27">
        <v>8021001034184</v>
      </c>
      <c r="J266" s="13">
        <v>43719</v>
      </c>
    </row>
    <row r="267" spans="1:10" ht="28.5" customHeight="1" x14ac:dyDescent="0.15">
      <c r="A267" s="8" t="s">
        <v>23</v>
      </c>
      <c r="B267" s="9" t="s">
        <v>24</v>
      </c>
      <c r="C267" s="10" t="s">
        <v>402</v>
      </c>
      <c r="D267" s="10" t="s">
        <v>88</v>
      </c>
      <c r="E267" s="32">
        <v>258</v>
      </c>
      <c r="F267" s="11" t="s">
        <v>194</v>
      </c>
      <c r="G267" s="12">
        <v>46076</v>
      </c>
      <c r="H267" s="1" t="s">
        <v>189</v>
      </c>
      <c r="I267" s="27">
        <v>2021001032417</v>
      </c>
      <c r="J267" s="13">
        <v>43657</v>
      </c>
    </row>
    <row r="268" spans="1:10" ht="28.5" customHeight="1" x14ac:dyDescent="0.15">
      <c r="A268" s="8" t="s">
        <v>23</v>
      </c>
      <c r="B268" s="9" t="s">
        <v>24</v>
      </c>
      <c r="C268" s="10" t="s">
        <v>402</v>
      </c>
      <c r="D268" s="10" t="s">
        <v>88</v>
      </c>
      <c r="E268" s="32">
        <v>299</v>
      </c>
      <c r="F268" s="11" t="s">
        <v>209</v>
      </c>
      <c r="G268" s="12">
        <v>20304</v>
      </c>
      <c r="H268" s="1" t="s">
        <v>151</v>
      </c>
      <c r="I268" s="27">
        <v>1021001032533</v>
      </c>
      <c r="J268" s="13">
        <v>43685</v>
      </c>
    </row>
    <row r="269" spans="1:10" ht="28.5" customHeight="1" x14ac:dyDescent="0.15">
      <c r="A269" s="8" t="s">
        <v>23</v>
      </c>
      <c r="B269" s="9" t="s">
        <v>24</v>
      </c>
      <c r="C269" s="10" t="s">
        <v>402</v>
      </c>
      <c r="D269" s="10" t="s">
        <v>88</v>
      </c>
      <c r="E269" s="32">
        <v>306</v>
      </c>
      <c r="F269" s="11" t="s">
        <v>217</v>
      </c>
      <c r="G269" s="12">
        <v>25105</v>
      </c>
      <c r="H269" s="1" t="s">
        <v>189</v>
      </c>
      <c r="I269" s="27">
        <v>2021001032417</v>
      </c>
      <c r="J269" s="13">
        <v>43691</v>
      </c>
    </row>
    <row r="270" spans="1:10" ht="28.5" customHeight="1" x14ac:dyDescent="0.15">
      <c r="A270" s="8" t="s">
        <v>23</v>
      </c>
      <c r="B270" s="9" t="s">
        <v>24</v>
      </c>
      <c r="C270" s="10" t="s">
        <v>402</v>
      </c>
      <c r="D270" s="10" t="s">
        <v>88</v>
      </c>
      <c r="E270" s="32">
        <v>348</v>
      </c>
      <c r="F270" s="11" t="s">
        <v>279</v>
      </c>
      <c r="G270" s="12">
        <v>19440</v>
      </c>
      <c r="H270" s="1" t="s">
        <v>280</v>
      </c>
      <c r="I270" s="27">
        <v>2021002055722</v>
      </c>
      <c r="J270" s="13">
        <v>43717</v>
      </c>
    </row>
    <row r="271" spans="1:10" ht="28.5" customHeight="1" x14ac:dyDescent="0.15">
      <c r="A271" s="8" t="s">
        <v>23</v>
      </c>
      <c r="B271" s="9" t="s">
        <v>24</v>
      </c>
      <c r="C271" s="10" t="s">
        <v>402</v>
      </c>
      <c r="D271" s="10" t="s">
        <v>88</v>
      </c>
      <c r="E271" s="32">
        <v>355</v>
      </c>
      <c r="F271" s="11" t="s">
        <v>206</v>
      </c>
      <c r="G271" s="12">
        <v>80784</v>
      </c>
      <c r="H271" s="1" t="s">
        <v>207</v>
      </c>
      <c r="I271" s="27">
        <v>8021001034184</v>
      </c>
      <c r="J271" s="13">
        <v>43717</v>
      </c>
    </row>
    <row r="272" spans="1:10" ht="28.5" customHeight="1" x14ac:dyDescent="0.15">
      <c r="A272" s="8" t="s">
        <v>23</v>
      </c>
      <c r="B272" s="9" t="s">
        <v>24</v>
      </c>
      <c r="C272" s="10" t="s">
        <v>29</v>
      </c>
      <c r="D272" s="10" t="s">
        <v>79</v>
      </c>
      <c r="E272" s="32">
        <v>136</v>
      </c>
      <c r="F272" s="11" t="s">
        <v>170</v>
      </c>
      <c r="G272" s="12">
        <v>15303</v>
      </c>
      <c r="H272" s="1" t="s">
        <v>96</v>
      </c>
      <c r="I272" s="27">
        <v>9021002029091</v>
      </c>
      <c r="J272" s="13">
        <v>43647</v>
      </c>
    </row>
    <row r="273" spans="1:10" ht="28.5" customHeight="1" x14ac:dyDescent="0.15">
      <c r="A273" s="8" t="s">
        <v>23</v>
      </c>
      <c r="B273" s="9" t="s">
        <v>24</v>
      </c>
      <c r="C273" s="10" t="s">
        <v>29</v>
      </c>
      <c r="D273" s="10" t="s">
        <v>79</v>
      </c>
      <c r="E273" s="32">
        <v>137</v>
      </c>
      <c r="F273" s="11" t="s">
        <v>80</v>
      </c>
      <c r="G273" s="12">
        <v>36720</v>
      </c>
      <c r="H273" s="1" t="s">
        <v>81</v>
      </c>
      <c r="I273" s="27">
        <v>3010401026805</v>
      </c>
      <c r="J273" s="13">
        <v>43647</v>
      </c>
    </row>
    <row r="274" spans="1:10" ht="28.5" customHeight="1" x14ac:dyDescent="0.15">
      <c r="A274" s="8" t="s">
        <v>23</v>
      </c>
      <c r="B274" s="9" t="s">
        <v>24</v>
      </c>
      <c r="C274" s="10" t="s">
        <v>29</v>
      </c>
      <c r="D274" s="10" t="s">
        <v>79</v>
      </c>
      <c r="E274" s="32">
        <v>143</v>
      </c>
      <c r="F274" s="11" t="s">
        <v>147</v>
      </c>
      <c r="G274" s="12">
        <v>25056</v>
      </c>
      <c r="H274" s="1" t="s">
        <v>148</v>
      </c>
      <c r="I274" s="27">
        <v>1021001012155</v>
      </c>
      <c r="J274" s="13">
        <v>43648</v>
      </c>
    </row>
    <row r="275" spans="1:10" ht="28.5" customHeight="1" x14ac:dyDescent="0.15">
      <c r="A275" s="8" t="s">
        <v>23</v>
      </c>
      <c r="B275" s="9" t="s">
        <v>24</v>
      </c>
      <c r="C275" s="10" t="s">
        <v>29</v>
      </c>
      <c r="D275" s="10" t="s">
        <v>79</v>
      </c>
      <c r="E275" s="32">
        <v>145</v>
      </c>
      <c r="F275" s="11" t="s">
        <v>82</v>
      </c>
      <c r="G275" s="12">
        <v>20876</v>
      </c>
      <c r="H275" s="1" t="s">
        <v>83</v>
      </c>
      <c r="I275" s="27">
        <v>6021001016127</v>
      </c>
      <c r="J275" s="13">
        <v>43648</v>
      </c>
    </row>
    <row r="276" spans="1:10" ht="28.5" customHeight="1" x14ac:dyDescent="0.15">
      <c r="A276" s="8" t="s">
        <v>23</v>
      </c>
      <c r="B276" s="9" t="s">
        <v>24</v>
      </c>
      <c r="C276" s="10" t="s">
        <v>29</v>
      </c>
      <c r="D276" s="10" t="s">
        <v>79</v>
      </c>
      <c r="E276" s="32">
        <v>161</v>
      </c>
      <c r="F276" s="11" t="s">
        <v>128</v>
      </c>
      <c r="G276" s="12">
        <v>38124</v>
      </c>
      <c r="H276" s="1" t="s">
        <v>87</v>
      </c>
      <c r="I276" s="27">
        <v>8021002029068</v>
      </c>
      <c r="J276" s="13">
        <v>43650</v>
      </c>
    </row>
    <row r="277" spans="1:10" ht="28.5" customHeight="1" x14ac:dyDescent="0.15">
      <c r="A277" s="8" t="s">
        <v>23</v>
      </c>
      <c r="B277" s="9" t="s">
        <v>24</v>
      </c>
      <c r="C277" s="10" t="s">
        <v>29</v>
      </c>
      <c r="D277" s="10" t="s">
        <v>79</v>
      </c>
      <c r="E277" s="32">
        <v>162</v>
      </c>
      <c r="F277" s="11" t="s">
        <v>115</v>
      </c>
      <c r="G277" s="12">
        <v>52110</v>
      </c>
      <c r="H277" s="1" t="s">
        <v>38</v>
      </c>
      <c r="I277" s="27" t="s">
        <v>39</v>
      </c>
      <c r="J277" s="13">
        <v>43650</v>
      </c>
    </row>
    <row r="278" spans="1:10" ht="28.5" customHeight="1" x14ac:dyDescent="0.15">
      <c r="A278" s="8" t="s">
        <v>23</v>
      </c>
      <c r="B278" s="9" t="s">
        <v>24</v>
      </c>
      <c r="C278" s="10" t="s">
        <v>29</v>
      </c>
      <c r="D278" s="10" t="s">
        <v>79</v>
      </c>
      <c r="E278" s="32">
        <v>163</v>
      </c>
      <c r="F278" s="11" t="s">
        <v>97</v>
      </c>
      <c r="G278" s="12">
        <v>37065</v>
      </c>
      <c r="H278" s="1" t="s">
        <v>98</v>
      </c>
      <c r="I278" s="27" t="s">
        <v>39</v>
      </c>
      <c r="J278" s="13">
        <v>43651</v>
      </c>
    </row>
    <row r="279" spans="1:10" ht="28.5" customHeight="1" x14ac:dyDescent="0.15">
      <c r="A279" s="8" t="s">
        <v>23</v>
      </c>
      <c r="B279" s="9" t="s">
        <v>24</v>
      </c>
      <c r="C279" s="10" t="s">
        <v>29</v>
      </c>
      <c r="D279" s="10" t="s">
        <v>79</v>
      </c>
      <c r="E279" s="32">
        <v>165</v>
      </c>
      <c r="F279" s="11" t="s">
        <v>169</v>
      </c>
      <c r="G279" s="12">
        <v>72360</v>
      </c>
      <c r="H279" s="1" t="s">
        <v>100</v>
      </c>
      <c r="I279" s="27">
        <v>1021002017624</v>
      </c>
      <c r="J279" s="13">
        <v>43654</v>
      </c>
    </row>
    <row r="280" spans="1:10" ht="28.5" customHeight="1" x14ac:dyDescent="0.15">
      <c r="A280" s="8" t="s">
        <v>23</v>
      </c>
      <c r="B280" s="9" t="s">
        <v>24</v>
      </c>
      <c r="C280" s="10" t="s">
        <v>29</v>
      </c>
      <c r="D280" s="10" t="s">
        <v>79</v>
      </c>
      <c r="E280" s="32">
        <v>166</v>
      </c>
      <c r="F280" s="11" t="s">
        <v>107</v>
      </c>
      <c r="G280" s="12">
        <v>16362</v>
      </c>
      <c r="H280" s="1" t="s">
        <v>108</v>
      </c>
      <c r="I280" s="27">
        <v>2021001013805</v>
      </c>
      <c r="J280" s="13">
        <v>43655</v>
      </c>
    </row>
    <row r="281" spans="1:10" ht="28.5" customHeight="1" x14ac:dyDescent="0.15">
      <c r="A281" s="8" t="s">
        <v>23</v>
      </c>
      <c r="B281" s="9" t="s">
        <v>24</v>
      </c>
      <c r="C281" s="10" t="s">
        <v>29</v>
      </c>
      <c r="D281" s="10" t="s">
        <v>79</v>
      </c>
      <c r="E281" s="32">
        <v>168</v>
      </c>
      <c r="F281" s="11" t="s">
        <v>281</v>
      </c>
      <c r="G281" s="12">
        <v>246240</v>
      </c>
      <c r="H281" s="1" t="s">
        <v>282</v>
      </c>
      <c r="I281" s="27">
        <v>6011101009766</v>
      </c>
      <c r="J281" s="13">
        <v>43656</v>
      </c>
    </row>
    <row r="282" spans="1:10" ht="28.5" customHeight="1" x14ac:dyDescent="0.15">
      <c r="A282" s="8" t="s">
        <v>23</v>
      </c>
      <c r="B282" s="9" t="s">
        <v>24</v>
      </c>
      <c r="C282" s="10" t="s">
        <v>29</v>
      </c>
      <c r="D282" s="10" t="s">
        <v>79</v>
      </c>
      <c r="E282" s="32">
        <v>170</v>
      </c>
      <c r="F282" s="11" t="s">
        <v>116</v>
      </c>
      <c r="G282" s="12">
        <v>38664</v>
      </c>
      <c r="H282" s="1" t="s">
        <v>85</v>
      </c>
      <c r="I282" s="27">
        <v>5021002029186</v>
      </c>
      <c r="J282" s="13">
        <v>43658</v>
      </c>
    </row>
    <row r="283" spans="1:10" ht="28.5" customHeight="1" x14ac:dyDescent="0.15">
      <c r="A283" s="8" t="s">
        <v>23</v>
      </c>
      <c r="B283" s="9" t="s">
        <v>24</v>
      </c>
      <c r="C283" s="10" t="s">
        <v>29</v>
      </c>
      <c r="D283" s="10" t="s">
        <v>79</v>
      </c>
      <c r="E283" s="32">
        <v>174</v>
      </c>
      <c r="F283" s="11" t="s">
        <v>152</v>
      </c>
      <c r="G283" s="12">
        <v>12182</v>
      </c>
      <c r="H283" s="1" t="s">
        <v>144</v>
      </c>
      <c r="I283" s="27">
        <v>3021001012558</v>
      </c>
      <c r="J283" s="13">
        <v>43664</v>
      </c>
    </row>
    <row r="284" spans="1:10" ht="28.5" customHeight="1" x14ac:dyDescent="0.15">
      <c r="A284" s="8" t="s">
        <v>23</v>
      </c>
      <c r="B284" s="9" t="s">
        <v>24</v>
      </c>
      <c r="C284" s="10" t="s">
        <v>29</v>
      </c>
      <c r="D284" s="10" t="s">
        <v>79</v>
      </c>
      <c r="E284" s="32">
        <v>176</v>
      </c>
      <c r="F284" s="11" t="s">
        <v>153</v>
      </c>
      <c r="G284" s="12">
        <v>42184</v>
      </c>
      <c r="H284" s="1" t="s">
        <v>154</v>
      </c>
      <c r="I284" s="27">
        <v>2021001016122</v>
      </c>
      <c r="J284" s="13">
        <v>43665</v>
      </c>
    </row>
    <row r="285" spans="1:10" ht="28.5" customHeight="1" x14ac:dyDescent="0.15">
      <c r="A285" s="8" t="s">
        <v>23</v>
      </c>
      <c r="B285" s="9" t="s">
        <v>24</v>
      </c>
      <c r="C285" s="10" t="s">
        <v>29</v>
      </c>
      <c r="D285" s="10" t="s">
        <v>79</v>
      </c>
      <c r="E285" s="32">
        <v>177</v>
      </c>
      <c r="F285" s="11" t="s">
        <v>84</v>
      </c>
      <c r="G285" s="12">
        <v>90720</v>
      </c>
      <c r="H285" s="1" t="s">
        <v>85</v>
      </c>
      <c r="I285" s="27">
        <v>5021002029186</v>
      </c>
      <c r="J285" s="13">
        <v>43665</v>
      </c>
    </row>
    <row r="286" spans="1:10" ht="28.5" customHeight="1" x14ac:dyDescent="0.15">
      <c r="A286" s="8" t="s">
        <v>23</v>
      </c>
      <c r="B286" s="9" t="s">
        <v>24</v>
      </c>
      <c r="C286" s="10" t="s">
        <v>29</v>
      </c>
      <c r="D286" s="10" t="s">
        <v>79</v>
      </c>
      <c r="E286" s="32">
        <v>192</v>
      </c>
      <c r="F286" s="11" t="s">
        <v>175</v>
      </c>
      <c r="G286" s="12">
        <v>11664</v>
      </c>
      <c r="H286" s="1" t="s">
        <v>176</v>
      </c>
      <c r="I286" s="27">
        <v>9020001024855</v>
      </c>
      <c r="J286" s="13">
        <v>43684</v>
      </c>
    </row>
    <row r="287" spans="1:10" ht="28.5" customHeight="1" x14ac:dyDescent="0.15">
      <c r="A287" s="8" t="s">
        <v>23</v>
      </c>
      <c r="B287" s="9" t="s">
        <v>24</v>
      </c>
      <c r="C287" s="10" t="s">
        <v>29</v>
      </c>
      <c r="D287" s="10" t="s">
        <v>79</v>
      </c>
      <c r="E287" s="32">
        <v>194</v>
      </c>
      <c r="F287" s="11" t="s">
        <v>136</v>
      </c>
      <c r="G287" s="12">
        <v>47740</v>
      </c>
      <c r="H287" s="1" t="s">
        <v>137</v>
      </c>
      <c r="I287" s="27">
        <v>1070001013828</v>
      </c>
      <c r="J287" s="13">
        <v>43686</v>
      </c>
    </row>
    <row r="288" spans="1:10" ht="28.5" customHeight="1" x14ac:dyDescent="0.15">
      <c r="A288" s="8" t="s">
        <v>23</v>
      </c>
      <c r="B288" s="9" t="s">
        <v>24</v>
      </c>
      <c r="C288" s="10" t="s">
        <v>29</v>
      </c>
      <c r="D288" s="10" t="s">
        <v>79</v>
      </c>
      <c r="E288" s="32">
        <v>196</v>
      </c>
      <c r="F288" s="11" t="s">
        <v>143</v>
      </c>
      <c r="G288" s="12">
        <v>29419</v>
      </c>
      <c r="H288" s="1" t="s">
        <v>144</v>
      </c>
      <c r="I288" s="27">
        <v>3021001012558</v>
      </c>
      <c r="J288" s="13">
        <v>43696</v>
      </c>
    </row>
    <row r="289" spans="1:10" ht="28.5" customHeight="1" x14ac:dyDescent="0.15">
      <c r="A289" s="8" t="s">
        <v>23</v>
      </c>
      <c r="B289" s="9" t="s">
        <v>24</v>
      </c>
      <c r="C289" s="10" t="s">
        <v>29</v>
      </c>
      <c r="D289" s="10" t="s">
        <v>79</v>
      </c>
      <c r="E289" s="32">
        <v>201</v>
      </c>
      <c r="F289" s="11" t="s">
        <v>93</v>
      </c>
      <c r="G289" s="12">
        <v>37584</v>
      </c>
      <c r="H289" s="1" t="s">
        <v>94</v>
      </c>
      <c r="I289" s="27">
        <v>1021001013574</v>
      </c>
      <c r="J289" s="13">
        <v>43697</v>
      </c>
    </row>
    <row r="290" spans="1:10" ht="28.5" customHeight="1" x14ac:dyDescent="0.15">
      <c r="A290" s="8" t="s">
        <v>23</v>
      </c>
      <c r="B290" s="9" t="s">
        <v>24</v>
      </c>
      <c r="C290" s="10" t="s">
        <v>29</v>
      </c>
      <c r="D290" s="10" t="s">
        <v>79</v>
      </c>
      <c r="E290" s="32">
        <v>204</v>
      </c>
      <c r="F290" s="11" t="s">
        <v>86</v>
      </c>
      <c r="G290" s="12">
        <v>37810</v>
      </c>
      <c r="H290" s="1" t="s">
        <v>87</v>
      </c>
      <c r="I290" s="27">
        <v>8021002029068</v>
      </c>
      <c r="J290" s="13">
        <v>43700</v>
      </c>
    </row>
    <row r="291" spans="1:10" ht="28.5" customHeight="1" x14ac:dyDescent="0.15">
      <c r="A291" s="8" t="s">
        <v>23</v>
      </c>
      <c r="B291" s="9" t="s">
        <v>24</v>
      </c>
      <c r="C291" s="10" t="s">
        <v>29</v>
      </c>
      <c r="D291" s="10" t="s">
        <v>79</v>
      </c>
      <c r="E291" s="32">
        <v>208</v>
      </c>
      <c r="F291" s="11" t="s">
        <v>157</v>
      </c>
      <c r="G291" s="12">
        <v>32292</v>
      </c>
      <c r="H291" s="1" t="s">
        <v>158</v>
      </c>
      <c r="I291" s="27">
        <v>5021001016219</v>
      </c>
      <c r="J291" s="13">
        <v>43704</v>
      </c>
    </row>
    <row r="292" spans="1:10" ht="28.5" customHeight="1" x14ac:dyDescent="0.15">
      <c r="A292" s="8" t="s">
        <v>23</v>
      </c>
      <c r="B292" s="9" t="s">
        <v>24</v>
      </c>
      <c r="C292" s="10" t="s">
        <v>29</v>
      </c>
      <c r="D292" s="10" t="s">
        <v>79</v>
      </c>
      <c r="E292" s="32">
        <v>212</v>
      </c>
      <c r="F292" s="11" t="s">
        <v>107</v>
      </c>
      <c r="G292" s="12">
        <v>24192</v>
      </c>
      <c r="H292" s="1" t="s">
        <v>109</v>
      </c>
      <c r="I292" s="27">
        <v>5021001014313</v>
      </c>
      <c r="J292" s="13">
        <v>43707</v>
      </c>
    </row>
    <row r="293" spans="1:10" ht="28.5" customHeight="1" x14ac:dyDescent="0.15">
      <c r="A293" s="8" t="s">
        <v>23</v>
      </c>
      <c r="B293" s="9" t="s">
        <v>24</v>
      </c>
      <c r="C293" s="10" t="s">
        <v>29</v>
      </c>
      <c r="D293" s="10" t="s">
        <v>79</v>
      </c>
      <c r="E293" s="32">
        <v>213</v>
      </c>
      <c r="F293" s="11" t="s">
        <v>162</v>
      </c>
      <c r="G293" s="12">
        <v>64648</v>
      </c>
      <c r="H293" s="1" t="s">
        <v>163</v>
      </c>
      <c r="I293" s="27">
        <v>9021002023532</v>
      </c>
      <c r="J293" s="13">
        <v>43707</v>
      </c>
    </row>
    <row r="294" spans="1:10" ht="28.5" customHeight="1" x14ac:dyDescent="0.15">
      <c r="A294" s="8" t="s">
        <v>23</v>
      </c>
      <c r="B294" s="9" t="s">
        <v>24</v>
      </c>
      <c r="C294" s="10" t="s">
        <v>29</v>
      </c>
      <c r="D294" s="10" t="s">
        <v>79</v>
      </c>
      <c r="E294" s="32">
        <v>214</v>
      </c>
      <c r="F294" s="11" t="s">
        <v>113</v>
      </c>
      <c r="G294" s="12">
        <v>39600</v>
      </c>
      <c r="H294" s="1" t="s">
        <v>114</v>
      </c>
      <c r="I294" s="27">
        <v>1010701028239</v>
      </c>
      <c r="J294" s="13">
        <v>43707</v>
      </c>
    </row>
    <row r="295" spans="1:10" ht="28.5" customHeight="1" x14ac:dyDescent="0.15">
      <c r="A295" s="8" t="s">
        <v>23</v>
      </c>
      <c r="B295" s="9" t="s">
        <v>24</v>
      </c>
      <c r="C295" s="10" t="s">
        <v>29</v>
      </c>
      <c r="D295" s="10" t="s">
        <v>79</v>
      </c>
      <c r="E295" s="32">
        <v>219</v>
      </c>
      <c r="F295" s="11" t="s">
        <v>99</v>
      </c>
      <c r="G295" s="12">
        <v>77544</v>
      </c>
      <c r="H295" s="1" t="s">
        <v>100</v>
      </c>
      <c r="I295" s="27">
        <v>1021002017624</v>
      </c>
      <c r="J295" s="13">
        <v>43711</v>
      </c>
    </row>
    <row r="296" spans="1:10" ht="28.5" customHeight="1" x14ac:dyDescent="0.15">
      <c r="A296" s="8" t="s">
        <v>23</v>
      </c>
      <c r="B296" s="9" t="s">
        <v>24</v>
      </c>
      <c r="C296" s="10" t="s">
        <v>29</v>
      </c>
      <c r="D296" s="10" t="s">
        <v>79</v>
      </c>
      <c r="E296" s="32">
        <v>224</v>
      </c>
      <c r="F296" s="11" t="s">
        <v>95</v>
      </c>
      <c r="G296" s="12">
        <v>29516</v>
      </c>
      <c r="H296" s="1" t="s">
        <v>96</v>
      </c>
      <c r="I296" s="27">
        <v>9021002029091</v>
      </c>
      <c r="J296" s="13">
        <v>43713</v>
      </c>
    </row>
    <row r="297" spans="1:10" ht="28.5" customHeight="1" x14ac:dyDescent="0.15">
      <c r="A297" s="8" t="s">
        <v>23</v>
      </c>
      <c r="B297" s="9" t="s">
        <v>24</v>
      </c>
      <c r="C297" s="10" t="s">
        <v>29</v>
      </c>
      <c r="D297" s="10" t="s">
        <v>79</v>
      </c>
      <c r="E297" s="32">
        <v>229</v>
      </c>
      <c r="F297" s="11" t="s">
        <v>173</v>
      </c>
      <c r="G297" s="12">
        <v>30564</v>
      </c>
      <c r="H297" s="1" t="s">
        <v>174</v>
      </c>
      <c r="I297" s="27">
        <v>7021001013115</v>
      </c>
      <c r="J297" s="13">
        <v>43718</v>
      </c>
    </row>
    <row r="298" spans="1:10" ht="28.5" customHeight="1" x14ac:dyDescent="0.15">
      <c r="A298" s="8" t="s">
        <v>23</v>
      </c>
      <c r="B298" s="9" t="s">
        <v>24</v>
      </c>
      <c r="C298" s="10" t="s">
        <v>29</v>
      </c>
      <c r="D298" s="10" t="s">
        <v>79</v>
      </c>
      <c r="E298" s="32">
        <v>231</v>
      </c>
      <c r="F298" s="11" t="s">
        <v>117</v>
      </c>
      <c r="G298" s="12">
        <v>7603</v>
      </c>
      <c r="H298" s="1" t="s">
        <v>118</v>
      </c>
      <c r="I298" s="27">
        <v>2020001021339</v>
      </c>
      <c r="J298" s="13">
        <v>43720</v>
      </c>
    </row>
    <row r="299" spans="1:10" ht="28.5" customHeight="1" x14ac:dyDescent="0.15">
      <c r="A299" s="8" t="s">
        <v>23</v>
      </c>
      <c r="B299" s="9" t="s">
        <v>24</v>
      </c>
      <c r="C299" s="10" t="s">
        <v>29</v>
      </c>
      <c r="D299" s="10" t="s">
        <v>79</v>
      </c>
      <c r="E299" s="32">
        <v>233</v>
      </c>
      <c r="F299" s="11" t="s">
        <v>101</v>
      </c>
      <c r="G299" s="12">
        <v>25920</v>
      </c>
      <c r="H299" s="1" t="s">
        <v>102</v>
      </c>
      <c r="I299" s="27">
        <v>5021002023313</v>
      </c>
      <c r="J299" s="13">
        <v>43726</v>
      </c>
    </row>
    <row r="300" spans="1:10" ht="28.5" customHeight="1" x14ac:dyDescent="0.15">
      <c r="A300" s="17"/>
      <c r="B300" s="18"/>
      <c r="C300" s="19"/>
      <c r="D300" s="19"/>
      <c r="E300" s="34"/>
      <c r="F300" s="7"/>
      <c r="G300" s="20"/>
      <c r="H300" s="21"/>
      <c r="I300" s="29"/>
      <c r="J300" s="22"/>
    </row>
    <row r="301" spans="1:10" ht="28.5" customHeight="1" x14ac:dyDescent="0.15">
      <c r="A301" s="17"/>
      <c r="B301" s="18"/>
      <c r="C301" s="23" t="s">
        <v>3</v>
      </c>
      <c r="D301" s="24"/>
      <c r="E301" s="35"/>
      <c r="F301" s="7"/>
      <c r="G301" s="20"/>
      <c r="H301" s="21"/>
      <c r="I301" s="29"/>
      <c r="J301" s="22"/>
    </row>
    <row r="302" spans="1:10" ht="28.5" customHeight="1" x14ac:dyDescent="0.15">
      <c r="A302" s="17"/>
      <c r="B302" s="18"/>
      <c r="C302" s="25" t="s">
        <v>0</v>
      </c>
      <c r="D302" s="37" t="s">
        <v>4</v>
      </c>
      <c r="E302" s="38"/>
      <c r="F302" s="7"/>
      <c r="G302" s="20"/>
      <c r="H302" s="21"/>
      <c r="I302" s="29"/>
      <c r="J302" s="22"/>
    </row>
    <row r="303" spans="1:10" ht="28.5" customHeight="1" x14ac:dyDescent="0.15">
      <c r="A303" s="17"/>
      <c r="B303" s="18"/>
      <c r="C303" s="25" t="s">
        <v>2</v>
      </c>
      <c r="D303" s="37" t="s">
        <v>5</v>
      </c>
      <c r="E303" s="38"/>
      <c r="F303" s="7"/>
      <c r="G303" s="20"/>
      <c r="H303" s="21"/>
      <c r="I303" s="29"/>
      <c r="J303" s="22"/>
    </row>
    <row r="304" spans="1:10" ht="28.5" customHeight="1" x14ac:dyDescent="0.15">
      <c r="A304" s="17"/>
      <c r="B304" s="18"/>
      <c r="C304" s="25" t="s">
        <v>6</v>
      </c>
      <c r="D304" s="37" t="s">
        <v>7</v>
      </c>
      <c r="E304" s="38"/>
      <c r="F304" s="7"/>
      <c r="G304" s="20"/>
      <c r="H304" s="21"/>
      <c r="I304" s="29"/>
      <c r="J304" s="22"/>
    </row>
    <row r="305" spans="1:10" ht="28.5" customHeight="1" x14ac:dyDescent="0.15">
      <c r="A305" s="17"/>
      <c r="B305" s="18"/>
      <c r="C305" s="25" t="s">
        <v>1</v>
      </c>
      <c r="D305" s="37" t="s">
        <v>8</v>
      </c>
      <c r="E305" s="38"/>
      <c r="F305" s="7"/>
      <c r="G305" s="20"/>
      <c r="H305" s="21"/>
      <c r="I305" s="29"/>
      <c r="J305" s="22"/>
    </row>
    <row r="306" spans="1:10" ht="28.5" customHeight="1" x14ac:dyDescent="0.15">
      <c r="A306" s="17"/>
      <c r="B306" s="18"/>
      <c r="C306" s="25" t="s">
        <v>9</v>
      </c>
      <c r="D306" s="37" t="s">
        <v>10</v>
      </c>
      <c r="E306" s="38"/>
      <c r="F306" s="7"/>
      <c r="G306" s="20"/>
      <c r="H306" s="21"/>
      <c r="I306" s="29"/>
      <c r="J306" s="22"/>
    </row>
    <row r="307" spans="1:10" ht="28.5" customHeight="1" x14ac:dyDescent="0.15">
      <c r="A307" s="17"/>
      <c r="B307" s="18"/>
      <c r="C307" s="19"/>
      <c r="D307" s="19"/>
      <c r="E307" s="34"/>
      <c r="F307" s="7"/>
      <c r="G307" s="20"/>
      <c r="H307" s="21"/>
      <c r="I307" s="29"/>
      <c r="J307" s="22"/>
    </row>
    <row r="308" spans="1:10" ht="28.5" customHeight="1" x14ac:dyDescent="0.15">
      <c r="A308" s="17"/>
      <c r="B308" s="18"/>
      <c r="C308" s="19"/>
      <c r="D308" s="19"/>
      <c r="E308" s="34"/>
      <c r="F308" s="7"/>
      <c r="G308" s="20"/>
      <c r="H308" s="21"/>
      <c r="I308" s="29"/>
      <c r="J308" s="22"/>
    </row>
    <row r="309" spans="1:10" ht="28.5" customHeight="1" x14ac:dyDescent="0.15">
      <c r="A309" s="17"/>
      <c r="B309" s="18"/>
      <c r="C309" s="19"/>
      <c r="D309" s="19"/>
      <c r="E309" s="34"/>
      <c r="F309" s="7"/>
      <c r="G309" s="20"/>
      <c r="H309" s="21"/>
      <c r="I309" s="29"/>
      <c r="J309" s="22"/>
    </row>
    <row r="310" spans="1:10" ht="28.5" customHeight="1" x14ac:dyDescent="0.15">
      <c r="A310" s="17"/>
      <c r="B310" s="18"/>
      <c r="C310" s="19"/>
      <c r="D310" s="19"/>
      <c r="E310" s="34"/>
      <c r="F310" s="7"/>
      <c r="G310" s="20"/>
      <c r="H310" s="21"/>
      <c r="I310" s="29"/>
      <c r="J310" s="22"/>
    </row>
    <row r="311" spans="1:10" ht="28.5" customHeight="1" x14ac:dyDescent="0.15">
      <c r="A311" s="17"/>
      <c r="B311" s="18"/>
      <c r="C311" s="19"/>
      <c r="D311" s="19"/>
      <c r="E311" s="34"/>
      <c r="F311" s="7"/>
      <c r="G311" s="20"/>
      <c r="H311" s="21"/>
      <c r="I311" s="29"/>
      <c r="J311" s="22"/>
    </row>
    <row r="312" spans="1:10" ht="28.5" customHeight="1" x14ac:dyDescent="0.15">
      <c r="A312" s="17"/>
      <c r="B312" s="18"/>
      <c r="C312" s="19"/>
      <c r="D312" s="19"/>
      <c r="E312" s="34"/>
      <c r="F312" s="7"/>
      <c r="G312" s="20"/>
      <c r="H312" s="21"/>
      <c r="I312" s="29"/>
      <c r="J312" s="22"/>
    </row>
    <row r="313" spans="1:10" ht="28.5" customHeight="1" x14ac:dyDescent="0.15">
      <c r="A313" s="17"/>
      <c r="B313" s="18"/>
      <c r="C313" s="19"/>
      <c r="D313" s="19"/>
      <c r="E313" s="34"/>
      <c r="F313" s="7"/>
      <c r="G313" s="20"/>
      <c r="H313" s="21"/>
      <c r="I313" s="29"/>
      <c r="J313" s="22"/>
    </row>
    <row r="314" spans="1:10" ht="28.5" customHeight="1" x14ac:dyDescent="0.15">
      <c r="A314" s="17"/>
      <c r="B314" s="18"/>
      <c r="C314" s="19"/>
      <c r="D314" s="19"/>
      <c r="E314" s="34"/>
      <c r="F314" s="7"/>
      <c r="G314" s="20"/>
      <c r="H314" s="21"/>
      <c r="I314" s="29"/>
      <c r="J314" s="22"/>
    </row>
    <row r="315" spans="1:10" ht="28.5" customHeight="1" x14ac:dyDescent="0.15">
      <c r="A315" s="17"/>
      <c r="B315" s="18"/>
      <c r="C315" s="19"/>
      <c r="D315" s="19"/>
      <c r="E315" s="34"/>
      <c r="F315" s="7"/>
      <c r="G315" s="20"/>
      <c r="H315" s="21"/>
      <c r="I315" s="29"/>
      <c r="J315" s="22"/>
    </row>
    <row r="316" spans="1:10" ht="28.5" customHeight="1" x14ac:dyDescent="0.15">
      <c r="A316" s="17"/>
      <c r="B316" s="18"/>
      <c r="C316" s="19"/>
      <c r="D316" s="19"/>
      <c r="E316" s="34"/>
      <c r="F316" s="7"/>
      <c r="G316" s="20"/>
      <c r="H316" s="21"/>
      <c r="I316" s="29"/>
      <c r="J316" s="22"/>
    </row>
    <row r="317" spans="1:10" ht="28.5" customHeight="1" x14ac:dyDescent="0.15">
      <c r="A317" s="17"/>
      <c r="B317" s="18"/>
      <c r="C317" s="19"/>
      <c r="D317" s="19"/>
      <c r="E317" s="34"/>
      <c r="F317" s="7"/>
      <c r="G317" s="20"/>
      <c r="H317" s="21"/>
      <c r="I317" s="29"/>
      <c r="J317" s="22"/>
    </row>
    <row r="318" spans="1:10" ht="28.5" customHeight="1" x14ac:dyDescent="0.15">
      <c r="A318" s="17"/>
      <c r="B318" s="18"/>
      <c r="C318" s="19"/>
      <c r="D318" s="19"/>
      <c r="E318" s="34"/>
      <c r="F318" s="7"/>
      <c r="G318" s="20"/>
      <c r="H318" s="21"/>
      <c r="I318" s="29"/>
      <c r="J318" s="22"/>
    </row>
    <row r="319" spans="1:10" ht="28.5" customHeight="1" x14ac:dyDescent="0.15">
      <c r="A319" s="17"/>
      <c r="B319" s="18"/>
      <c r="C319" s="19"/>
      <c r="D319" s="19"/>
      <c r="E319" s="34"/>
      <c r="F319" s="7"/>
      <c r="G319" s="20"/>
      <c r="H319" s="21"/>
      <c r="I319" s="29"/>
      <c r="J319" s="22"/>
    </row>
    <row r="320" spans="1:10" ht="28.5" customHeight="1" x14ac:dyDescent="0.15">
      <c r="A320" s="17"/>
      <c r="B320" s="18"/>
      <c r="C320" s="19"/>
      <c r="D320" s="19"/>
      <c r="E320" s="34"/>
      <c r="F320" s="7"/>
      <c r="G320" s="20"/>
      <c r="H320" s="21"/>
      <c r="I320" s="29"/>
      <c r="J320" s="22"/>
    </row>
    <row r="321" spans="1:10" ht="28.5" customHeight="1" x14ac:dyDescent="0.15">
      <c r="A321" s="17"/>
      <c r="B321" s="18"/>
      <c r="C321" s="19"/>
      <c r="D321" s="19"/>
      <c r="E321" s="34"/>
      <c r="F321" s="7"/>
      <c r="G321" s="20"/>
      <c r="H321" s="21"/>
      <c r="I321" s="29"/>
      <c r="J321" s="22"/>
    </row>
    <row r="322" spans="1:10" ht="28.5" customHeight="1" x14ac:dyDescent="0.15">
      <c r="A322" s="17"/>
      <c r="B322" s="18"/>
      <c r="C322" s="19"/>
      <c r="D322" s="19"/>
      <c r="E322" s="34"/>
      <c r="F322" s="7"/>
      <c r="G322" s="20"/>
      <c r="H322" s="21"/>
      <c r="I322" s="29"/>
      <c r="J322" s="22"/>
    </row>
    <row r="323" spans="1:10" ht="28.5" customHeight="1" x14ac:dyDescent="0.15">
      <c r="A323" s="17"/>
      <c r="B323" s="18"/>
      <c r="C323" s="19"/>
      <c r="D323" s="19"/>
      <c r="E323" s="34"/>
      <c r="F323" s="7"/>
      <c r="G323" s="20"/>
      <c r="H323" s="21"/>
      <c r="I323" s="29"/>
      <c r="J323" s="22"/>
    </row>
    <row r="324" spans="1:10" ht="28.5" customHeight="1" x14ac:dyDescent="0.15">
      <c r="A324" s="17"/>
      <c r="B324" s="18"/>
      <c r="C324" s="19"/>
      <c r="D324" s="19"/>
      <c r="E324" s="34"/>
      <c r="F324" s="7"/>
      <c r="G324" s="20"/>
      <c r="H324" s="21"/>
      <c r="I324" s="29"/>
      <c r="J324" s="22"/>
    </row>
    <row r="325" spans="1:10" ht="28.5" customHeight="1" x14ac:dyDescent="0.15">
      <c r="A325" s="17"/>
      <c r="B325" s="18"/>
      <c r="C325" s="19"/>
      <c r="D325" s="19"/>
      <c r="E325" s="34"/>
      <c r="F325" s="7"/>
      <c r="G325" s="20"/>
      <c r="H325" s="21"/>
      <c r="I325" s="29"/>
      <c r="J325" s="22"/>
    </row>
    <row r="326" spans="1:10" ht="28.5" customHeight="1" x14ac:dyDescent="0.15">
      <c r="A326" s="17"/>
      <c r="B326" s="18"/>
      <c r="C326" s="19"/>
      <c r="D326" s="19"/>
      <c r="E326" s="34"/>
      <c r="F326" s="7"/>
      <c r="G326" s="20"/>
      <c r="H326" s="21"/>
      <c r="I326" s="29"/>
      <c r="J326" s="22"/>
    </row>
    <row r="327" spans="1:10" ht="28.5" customHeight="1" x14ac:dyDescent="0.15">
      <c r="A327" s="17"/>
      <c r="B327" s="18"/>
      <c r="C327" s="19"/>
      <c r="D327" s="19"/>
      <c r="E327" s="34"/>
      <c r="F327" s="7"/>
      <c r="G327" s="20"/>
      <c r="H327" s="21"/>
      <c r="I327" s="29"/>
      <c r="J327" s="22"/>
    </row>
    <row r="328" spans="1:10" ht="28.5" customHeight="1" x14ac:dyDescent="0.15">
      <c r="A328" s="17"/>
      <c r="B328" s="18"/>
      <c r="C328" s="19"/>
      <c r="D328" s="19"/>
      <c r="E328" s="34"/>
      <c r="F328" s="7"/>
      <c r="G328" s="20"/>
      <c r="H328" s="21"/>
      <c r="I328" s="29"/>
      <c r="J328" s="22"/>
    </row>
    <row r="329" spans="1:10" ht="28.5" customHeight="1" x14ac:dyDescent="0.15">
      <c r="A329" s="17"/>
      <c r="B329" s="18"/>
      <c r="C329" s="19"/>
      <c r="D329" s="19"/>
      <c r="E329" s="34"/>
      <c r="F329" s="7"/>
      <c r="G329" s="20"/>
      <c r="H329" s="21"/>
      <c r="I329" s="29"/>
      <c r="J329" s="22"/>
    </row>
    <row r="330" spans="1:10" ht="28.5" customHeight="1" x14ac:dyDescent="0.15">
      <c r="A330" s="17"/>
      <c r="B330" s="18"/>
      <c r="C330" s="19"/>
      <c r="D330" s="19"/>
      <c r="E330" s="34"/>
      <c r="F330" s="7"/>
      <c r="G330" s="20"/>
      <c r="H330" s="21"/>
      <c r="I330" s="29"/>
      <c r="J330" s="22"/>
    </row>
    <row r="331" spans="1:10" ht="28.5" customHeight="1" x14ac:dyDescent="0.15">
      <c r="A331" s="17"/>
      <c r="B331" s="18"/>
      <c r="C331" s="19"/>
      <c r="D331" s="19"/>
      <c r="E331" s="34"/>
      <c r="F331" s="7"/>
      <c r="G331" s="20"/>
      <c r="H331" s="21"/>
      <c r="I331" s="29"/>
      <c r="J331" s="22"/>
    </row>
    <row r="332" spans="1:10" ht="28.5" customHeight="1" x14ac:dyDescent="0.15">
      <c r="A332" s="17"/>
      <c r="B332" s="18"/>
      <c r="C332" s="19"/>
      <c r="D332" s="19"/>
      <c r="E332" s="34"/>
      <c r="F332" s="7"/>
      <c r="G332" s="20"/>
      <c r="H332" s="21"/>
      <c r="I332" s="29"/>
      <c r="J332" s="22"/>
    </row>
    <row r="333" spans="1:10" ht="28.5" customHeight="1" x14ac:dyDescent="0.15">
      <c r="A333" s="17"/>
      <c r="B333" s="18"/>
      <c r="C333" s="19"/>
      <c r="D333" s="19"/>
      <c r="E333" s="34"/>
      <c r="F333" s="7"/>
      <c r="G333" s="20"/>
      <c r="H333" s="21"/>
      <c r="I333" s="29"/>
      <c r="J333" s="22"/>
    </row>
    <row r="334" spans="1:10" ht="28.5" customHeight="1" x14ac:dyDescent="0.15">
      <c r="A334" s="17"/>
      <c r="B334" s="18"/>
      <c r="C334" s="19"/>
      <c r="D334" s="19"/>
      <c r="E334" s="34"/>
      <c r="F334" s="7"/>
      <c r="G334" s="20"/>
      <c r="H334" s="21"/>
      <c r="I334" s="29"/>
      <c r="J334" s="22"/>
    </row>
    <row r="335" spans="1:10" ht="28.5" customHeight="1" x14ac:dyDescent="0.15">
      <c r="A335" s="17"/>
      <c r="B335" s="18"/>
      <c r="C335" s="19"/>
      <c r="D335" s="19"/>
      <c r="E335" s="34"/>
      <c r="F335" s="7"/>
      <c r="G335" s="20"/>
      <c r="H335" s="21"/>
      <c r="I335" s="29"/>
      <c r="J335" s="22"/>
    </row>
    <row r="336" spans="1:10" ht="28.5" customHeight="1" x14ac:dyDescent="0.15">
      <c r="A336" s="17"/>
      <c r="B336" s="18"/>
      <c r="C336" s="19"/>
      <c r="D336" s="19"/>
      <c r="E336" s="34"/>
      <c r="F336" s="7"/>
      <c r="G336" s="20"/>
      <c r="H336" s="21"/>
      <c r="I336" s="29"/>
      <c r="J336" s="22"/>
    </row>
    <row r="337" spans="1:10" ht="28.5" customHeight="1" x14ac:dyDescent="0.15">
      <c r="A337" s="17"/>
      <c r="B337" s="18"/>
      <c r="C337" s="19"/>
      <c r="D337" s="19"/>
      <c r="E337" s="34"/>
      <c r="F337" s="7"/>
      <c r="G337" s="20"/>
      <c r="H337" s="21"/>
      <c r="I337" s="29"/>
      <c r="J337" s="22"/>
    </row>
    <row r="338" spans="1:10" ht="28.5" customHeight="1" x14ac:dyDescent="0.15">
      <c r="A338" s="17"/>
      <c r="B338" s="18"/>
      <c r="C338" s="19"/>
      <c r="D338" s="19"/>
      <c r="E338" s="34"/>
      <c r="F338" s="7"/>
      <c r="G338" s="20"/>
      <c r="H338" s="21"/>
      <c r="I338" s="29"/>
      <c r="J338" s="22"/>
    </row>
    <row r="339" spans="1:10" ht="28.5" customHeight="1" x14ac:dyDescent="0.15">
      <c r="A339" s="17"/>
      <c r="B339" s="18"/>
      <c r="C339" s="19"/>
      <c r="D339" s="19"/>
      <c r="E339" s="34"/>
      <c r="F339" s="7"/>
      <c r="G339" s="20"/>
      <c r="H339" s="21"/>
      <c r="I339" s="29"/>
      <c r="J339" s="22"/>
    </row>
    <row r="340" spans="1:10" ht="28.5" customHeight="1" x14ac:dyDescent="0.15">
      <c r="A340" s="17"/>
      <c r="B340" s="18"/>
      <c r="C340" s="19"/>
      <c r="D340" s="19"/>
      <c r="E340" s="34"/>
      <c r="F340" s="7"/>
      <c r="G340" s="20"/>
      <c r="H340" s="21"/>
      <c r="I340" s="29"/>
      <c r="J340" s="22"/>
    </row>
    <row r="341" spans="1:10" ht="28.5" customHeight="1" x14ac:dyDescent="0.15">
      <c r="A341" s="17"/>
      <c r="B341" s="18"/>
      <c r="C341" s="19"/>
      <c r="D341" s="19"/>
      <c r="E341" s="34"/>
      <c r="F341" s="7"/>
      <c r="G341" s="20"/>
      <c r="H341" s="21"/>
      <c r="I341" s="29"/>
      <c r="J341" s="22"/>
    </row>
    <row r="342" spans="1:10" ht="28.5" customHeight="1" x14ac:dyDescent="0.15">
      <c r="A342" s="17"/>
      <c r="B342" s="18"/>
      <c r="C342" s="19"/>
      <c r="D342" s="19"/>
      <c r="E342" s="34"/>
      <c r="F342" s="7"/>
      <c r="G342" s="20"/>
      <c r="H342" s="21"/>
      <c r="I342" s="29"/>
      <c r="J342" s="22"/>
    </row>
    <row r="343" spans="1:10" ht="28.5" customHeight="1" x14ac:dyDescent="0.15">
      <c r="A343" s="17"/>
      <c r="B343" s="18"/>
      <c r="C343" s="19"/>
      <c r="D343" s="19"/>
      <c r="E343" s="34"/>
      <c r="F343" s="7"/>
      <c r="G343" s="20"/>
      <c r="H343" s="21"/>
      <c r="I343" s="29"/>
      <c r="J343" s="22"/>
    </row>
    <row r="344" spans="1:10" ht="28.5" customHeight="1" x14ac:dyDescent="0.15">
      <c r="A344" s="17"/>
      <c r="B344" s="18"/>
      <c r="C344" s="19"/>
      <c r="D344" s="19"/>
      <c r="E344" s="34"/>
      <c r="F344" s="7"/>
      <c r="G344" s="20"/>
      <c r="H344" s="21"/>
      <c r="I344" s="29"/>
      <c r="J344" s="22"/>
    </row>
    <row r="345" spans="1:10" ht="28.5" customHeight="1" x14ac:dyDescent="0.15">
      <c r="A345" s="17"/>
      <c r="B345" s="18"/>
      <c r="C345" s="19"/>
      <c r="D345" s="19"/>
      <c r="E345" s="34"/>
      <c r="F345" s="7"/>
      <c r="G345" s="20"/>
      <c r="H345" s="21"/>
      <c r="I345" s="29"/>
      <c r="J345" s="22"/>
    </row>
    <row r="346" spans="1:10" ht="28.5" customHeight="1" x14ac:dyDescent="0.15">
      <c r="A346" s="17"/>
      <c r="B346" s="18"/>
      <c r="C346" s="19"/>
      <c r="D346" s="19"/>
      <c r="E346" s="34"/>
      <c r="F346" s="7"/>
      <c r="G346" s="20"/>
      <c r="H346" s="21"/>
      <c r="I346" s="29"/>
      <c r="J346" s="22"/>
    </row>
    <row r="347" spans="1:10" ht="28.5" customHeight="1" x14ac:dyDescent="0.15">
      <c r="A347" s="17"/>
      <c r="B347" s="18"/>
      <c r="C347" s="19"/>
      <c r="D347" s="19"/>
      <c r="E347" s="34"/>
      <c r="F347" s="7"/>
      <c r="G347" s="20"/>
      <c r="H347" s="21"/>
      <c r="I347" s="29"/>
      <c r="J347" s="22"/>
    </row>
    <row r="348" spans="1:10" ht="28.5" customHeight="1" x14ac:dyDescent="0.15">
      <c r="A348" s="17"/>
      <c r="B348" s="18"/>
      <c r="C348" s="19"/>
      <c r="D348" s="19"/>
      <c r="E348" s="34"/>
      <c r="F348" s="7"/>
      <c r="G348" s="20"/>
      <c r="H348" s="21"/>
      <c r="I348" s="29"/>
      <c r="J348" s="22"/>
    </row>
    <row r="349" spans="1:10" ht="28.5" customHeight="1" x14ac:dyDescent="0.15">
      <c r="A349" s="17"/>
      <c r="B349" s="18"/>
      <c r="C349" s="19"/>
      <c r="D349" s="19"/>
      <c r="E349" s="34"/>
      <c r="F349" s="7"/>
      <c r="G349" s="20"/>
      <c r="H349" s="21"/>
      <c r="I349" s="29"/>
      <c r="J349" s="22"/>
    </row>
    <row r="350" spans="1:10" ht="28.5" customHeight="1" x14ac:dyDescent="0.15">
      <c r="A350" s="17"/>
      <c r="B350" s="18"/>
      <c r="C350" s="19"/>
      <c r="D350" s="19"/>
      <c r="E350" s="34"/>
      <c r="F350" s="7"/>
      <c r="G350" s="20"/>
      <c r="H350" s="21"/>
      <c r="I350" s="29"/>
      <c r="J350" s="22"/>
    </row>
    <row r="351" spans="1:10" ht="28.5" customHeight="1" x14ac:dyDescent="0.15">
      <c r="A351" s="17"/>
      <c r="B351" s="18"/>
      <c r="C351" s="19"/>
      <c r="D351" s="19"/>
      <c r="E351" s="34"/>
      <c r="F351" s="7"/>
      <c r="G351" s="20"/>
      <c r="H351" s="21"/>
      <c r="I351" s="29"/>
      <c r="J351" s="22"/>
    </row>
  </sheetData>
  <mergeCells count="6">
    <mergeCell ref="D306:E306"/>
    <mergeCell ref="B1:I1"/>
    <mergeCell ref="D302:E302"/>
    <mergeCell ref="D303:E303"/>
    <mergeCell ref="D304:E304"/>
    <mergeCell ref="D305:E305"/>
  </mergeCells>
  <phoneticPr fontId="2"/>
  <pageMargins left="0.70866141732283472" right="0.70866141732283472" top="0.74803149606299213" bottom="0.74803149606299213" header="0.31496062992125984" footer="0.31496062992125984"/>
  <pageSetup paperSize="9" scale="54"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１四</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C-manager</dc:creator>
  <cp:lastModifiedBy>山田　晃平</cp:lastModifiedBy>
  <cp:lastPrinted>2019-08-30T06:12:11Z</cp:lastPrinted>
  <dcterms:created xsi:type="dcterms:W3CDTF">2017-07-04T00:49:58Z</dcterms:created>
  <dcterms:modified xsi:type="dcterms:W3CDTF">2020-02-19T09:32:11Z</dcterms:modified>
</cp:coreProperties>
</file>